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82"/>
  <workbookPr defaultThemeVersion="166925"/>
  <mc:AlternateContent xmlns:mc="http://schemas.openxmlformats.org/markup-compatibility/2006">
    <mc:Choice Requires="x15">
      <x15ac:absPath xmlns:x15ac="http://schemas.microsoft.com/office/spreadsheetml/2010/11/ac" url="C:\Users\s26221\Desktop\HP\総合\標準様式\"/>
    </mc:Choice>
  </mc:AlternateContent>
  <xr:revisionPtr revIDLastSave="0" documentId="13_ncr:1_{4C67B5A2-FBDC-47D0-9B66-6E4E0E23C94F}" xr6:coauthVersionLast="36" xr6:coauthVersionMax="36" xr10:uidLastSave="{00000000-0000-0000-0000-000000000000}"/>
  <bookViews>
    <workbookView xWindow="0" yWindow="0" windowWidth="28800" windowHeight="12135" firstSheet="4" activeTab="10" xr2:uid="{CDA2D5FE-11BF-4294-813F-365AEA23C520}"/>
  </bookViews>
  <sheets>
    <sheet name="訪問型サービス" sheetId="2" r:id="rId1"/>
    <sheet name="記入方法" sheetId="3" r:id="rId2"/>
    <sheet name="シフト記号表（勤務時間帯）" sheetId="4" r:id="rId3"/>
    <sheet name="通所型サービス" sheetId="5" r:id="rId4"/>
    <sheet name="記入方法 (2)" sheetId="6" r:id="rId5"/>
    <sheet name="シフト記号表（勤務時間帯） (2)" sheetId="7" r:id="rId6"/>
    <sheet name="【記載例】シフト記号表（勤務時間帯）" sheetId="8" r:id="rId7"/>
    <sheet name="標準様式2" sheetId="9" r:id="rId8"/>
    <sheet name="標準様式3" sheetId="10" r:id="rId9"/>
    <sheet name="標準様式４" sheetId="11" r:id="rId10"/>
    <sheet name="標準様式5" sheetId="12" r:id="rId11"/>
  </sheets>
  <definedNames>
    <definedName name="【記載例】シフト記号" localSheetId="2">'シフト記号表（勤務時間帯）'!$C$6:$C$35</definedName>
    <definedName name="【記載例】シフト記号" localSheetId="5">'シフト記号表（勤務時間帯） (2)'!$C$6:$C$35</definedName>
    <definedName name="【記載例】シフト記号">'【記載例】シフト記号表（勤務時間帯）'!$C$6:$C$35</definedName>
    <definedName name="_xlnm.Print_Area" localSheetId="1">記入方法!$A$1:$O$79</definedName>
    <definedName name="_xlnm.Print_Area" localSheetId="4">'記入方法 (2)'!$B$1:$P$85</definedName>
    <definedName name="_xlnm.Print_Area" localSheetId="3">通所型サービス!$A$1:$BF$71</definedName>
    <definedName name="_xlnm.Print_Area" localSheetId="9">標準様式４!$A$1:$B$17</definedName>
    <definedName name="_xlnm.Print_Area" localSheetId="10">標準様式5!$A$1:$L$26</definedName>
    <definedName name="_xlnm.Print_Area" localSheetId="0">訪問型サービス!$A$1:$BD$51</definedName>
    <definedName name="_xlnm.Print_Titles" localSheetId="3">通所型サービス!$1:$21</definedName>
    <definedName name="_xlnm.Print_Titles" localSheetId="0">訪問型サービス!$1:$12</definedName>
    <definedName name="サービス提供責任者">#REF!</definedName>
    <definedName name="シフト記号表" localSheetId="5">'シフト記号表（勤務時間帯） (2)'!$C$6:$C$35</definedName>
    <definedName name="シフト記号表">'シフト記号表（勤務時間帯）'!$C$6:$C$35</definedName>
    <definedName name="介護職員">#REF!</definedName>
    <definedName name="看護職員">#REF!</definedName>
    <definedName name="管理者">#REF!</definedName>
    <definedName name="機能訓練指導員">#REF!</definedName>
    <definedName name="職種">#REF!</definedName>
    <definedName name="生活相談員">#REF!</definedName>
    <definedName name="訪問介護員">#REF!</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S25" i="8" l="1"/>
  <c r="U25" i="8" s="1"/>
  <c r="Q25" i="8"/>
  <c r="K25" i="8"/>
  <c r="S24" i="8"/>
  <c r="U24" i="8" s="1"/>
  <c r="Q24" i="8"/>
  <c r="K24" i="8"/>
  <c r="S23" i="8"/>
  <c r="U23" i="8" s="1"/>
  <c r="Q23" i="8"/>
  <c r="K23" i="8"/>
  <c r="S22" i="8"/>
  <c r="U22" i="8" s="1"/>
  <c r="Q22" i="8"/>
  <c r="K22" i="8"/>
  <c r="S21" i="8"/>
  <c r="U21" i="8" s="1"/>
  <c r="Q21" i="8"/>
  <c r="K21" i="8"/>
  <c r="S20" i="8"/>
  <c r="U20" i="8" s="1"/>
  <c r="Q20" i="8"/>
  <c r="K20" i="8"/>
  <c r="S19" i="8"/>
  <c r="U19" i="8" s="1"/>
  <c r="Q19" i="8"/>
  <c r="K19" i="8"/>
  <c r="S18" i="8"/>
  <c r="U18" i="8" s="1"/>
  <c r="Q18" i="8"/>
  <c r="K18" i="8"/>
  <c r="S17" i="8"/>
  <c r="U17" i="8" s="1"/>
  <c r="Q17" i="8"/>
  <c r="K17" i="8"/>
  <c r="S16" i="8"/>
  <c r="U16" i="8" s="1"/>
  <c r="Q16" i="8"/>
  <c r="K16" i="8"/>
  <c r="S15" i="8"/>
  <c r="U15" i="8" s="1"/>
  <c r="Q15" i="8"/>
  <c r="K15" i="8"/>
  <c r="S14" i="8"/>
  <c r="U14" i="8" s="1"/>
  <c r="Q14" i="8"/>
  <c r="K14" i="8"/>
  <c r="S13" i="8"/>
  <c r="U13" i="8" s="1"/>
  <c r="Q13" i="8"/>
  <c r="K13" i="8"/>
  <c r="S12" i="8"/>
  <c r="U12" i="8" s="1"/>
  <c r="Q12" i="8"/>
  <c r="K12" i="8"/>
  <c r="S11" i="8"/>
  <c r="U11" i="8" s="1"/>
  <c r="Q11" i="8"/>
  <c r="K11" i="8"/>
  <c r="S10" i="8"/>
  <c r="U10" i="8" s="1"/>
  <c r="Q10" i="8"/>
  <c r="K10" i="8"/>
  <c r="S9" i="8"/>
  <c r="U9" i="8" s="1"/>
  <c r="Q9" i="8"/>
  <c r="K9" i="8"/>
  <c r="S8" i="8"/>
  <c r="U8" i="8" s="1"/>
  <c r="Q8" i="8"/>
  <c r="K8" i="8"/>
  <c r="S7" i="8"/>
  <c r="U7" i="8" s="1"/>
  <c r="Q7" i="8"/>
  <c r="K7" i="8"/>
  <c r="S6" i="8"/>
  <c r="U6" i="8" s="1"/>
  <c r="Q6" i="8"/>
  <c r="K6" i="8"/>
  <c r="S25" i="7"/>
  <c r="U25" i="7" s="1"/>
  <c r="Q25" i="7"/>
  <c r="K25" i="7"/>
  <c r="S24" i="7"/>
  <c r="U24" i="7" s="1"/>
  <c r="Q24" i="7"/>
  <c r="K24" i="7"/>
  <c r="S23" i="7"/>
  <c r="U23" i="7" s="1"/>
  <c r="Q23" i="7"/>
  <c r="K23" i="7"/>
  <c r="S22" i="7"/>
  <c r="U22" i="7" s="1"/>
  <c r="Q22" i="7"/>
  <c r="K22" i="7"/>
  <c r="S21" i="7"/>
  <c r="U21" i="7" s="1"/>
  <c r="Q21" i="7"/>
  <c r="K21" i="7"/>
  <c r="S20" i="7"/>
  <c r="U20" i="7" s="1"/>
  <c r="Q20" i="7"/>
  <c r="K20" i="7"/>
  <c r="S19" i="7"/>
  <c r="U19" i="7" s="1"/>
  <c r="Q19" i="7"/>
  <c r="K19" i="7"/>
  <c r="S18" i="7"/>
  <c r="U18" i="7" s="1"/>
  <c r="Q18" i="7"/>
  <c r="K18" i="7"/>
  <c r="S17" i="7"/>
  <c r="U17" i="7" s="1"/>
  <c r="Q17" i="7"/>
  <c r="K17" i="7"/>
  <c r="S16" i="7"/>
  <c r="U16" i="7" s="1"/>
  <c r="Q16" i="7"/>
  <c r="K16" i="7"/>
  <c r="S15" i="7"/>
  <c r="U15" i="7" s="1"/>
  <c r="Q15" i="7"/>
  <c r="K15" i="7"/>
  <c r="S14" i="7"/>
  <c r="U14" i="7" s="1"/>
  <c r="Q14" i="7"/>
  <c r="K14" i="7"/>
  <c r="S13" i="7"/>
  <c r="U13" i="7" s="1"/>
  <c r="Q13" i="7"/>
  <c r="K13" i="7"/>
  <c r="S12" i="7"/>
  <c r="U12" i="7" s="1"/>
  <c r="Q12" i="7"/>
  <c r="K12" i="7"/>
  <c r="S11" i="7"/>
  <c r="U11" i="7" s="1"/>
  <c r="Q11" i="7"/>
  <c r="K11" i="7"/>
  <c r="S10" i="7"/>
  <c r="U10" i="7" s="1"/>
  <c r="Q10" i="7"/>
  <c r="K10" i="7"/>
  <c r="S9" i="7"/>
  <c r="U9" i="7" s="1"/>
  <c r="Q9" i="7"/>
  <c r="K9" i="7"/>
  <c r="S8" i="7"/>
  <c r="U8" i="7" s="1"/>
  <c r="Q8" i="7"/>
  <c r="K8" i="7"/>
  <c r="S7" i="7"/>
  <c r="U7" i="7" s="1"/>
  <c r="Q7" i="7"/>
  <c r="K7" i="7"/>
  <c r="S6" i="7"/>
  <c r="U6" i="7" s="1"/>
  <c r="Q6" i="7"/>
  <c r="K6" i="7"/>
  <c r="AW71" i="5"/>
  <c r="AV71" i="5"/>
  <c r="AU71" i="5"/>
  <c r="AT71" i="5"/>
  <c r="AS71" i="5"/>
  <c r="AR71" i="5"/>
  <c r="AQ71" i="5"/>
  <c r="AP71" i="5"/>
  <c r="AO71" i="5"/>
  <c r="AN71" i="5"/>
  <c r="AM71" i="5"/>
  <c r="AL71" i="5"/>
  <c r="AK71" i="5"/>
  <c r="AJ71" i="5"/>
  <c r="AI71" i="5"/>
  <c r="AH71" i="5"/>
  <c r="AG71" i="5"/>
  <c r="AF71" i="5"/>
  <c r="AE71" i="5"/>
  <c r="AD71" i="5"/>
  <c r="AC71" i="5"/>
  <c r="AB71" i="5"/>
  <c r="AA71" i="5"/>
  <c r="Z71" i="5"/>
  <c r="Y71" i="5"/>
  <c r="X71" i="5"/>
  <c r="W71" i="5"/>
  <c r="V71" i="5"/>
  <c r="U71" i="5"/>
  <c r="T71" i="5"/>
  <c r="S71" i="5"/>
  <c r="AW66" i="5"/>
  <c r="AV66" i="5"/>
  <c r="AU66" i="5"/>
  <c r="AT66" i="5"/>
  <c r="AS66" i="5"/>
  <c r="AR66" i="5"/>
  <c r="AQ66" i="5"/>
  <c r="AP66" i="5"/>
  <c r="AO66" i="5"/>
  <c r="AN66" i="5"/>
  <c r="AM66" i="5"/>
  <c r="AL66" i="5"/>
  <c r="AK66" i="5"/>
  <c r="AJ66" i="5"/>
  <c r="AI66" i="5"/>
  <c r="AH66" i="5"/>
  <c r="AG66" i="5"/>
  <c r="AF66" i="5"/>
  <c r="AE66" i="5"/>
  <c r="AD66" i="5"/>
  <c r="AC66" i="5"/>
  <c r="AB66" i="5"/>
  <c r="AA66" i="5"/>
  <c r="Z66" i="5"/>
  <c r="Y66" i="5"/>
  <c r="X66" i="5"/>
  <c r="W66" i="5"/>
  <c r="V66" i="5"/>
  <c r="U66" i="5"/>
  <c r="T66" i="5"/>
  <c r="S66" i="5"/>
  <c r="AW60" i="5"/>
  <c r="AV60" i="5"/>
  <c r="AU60" i="5"/>
  <c r="AT60" i="5"/>
  <c r="AS60" i="5"/>
  <c r="AR60" i="5"/>
  <c r="AQ60" i="5"/>
  <c r="AP60" i="5"/>
  <c r="AO60" i="5"/>
  <c r="AN60" i="5"/>
  <c r="AM60" i="5"/>
  <c r="AL60" i="5"/>
  <c r="AK60" i="5"/>
  <c r="AJ60" i="5"/>
  <c r="AI60" i="5"/>
  <c r="AH60" i="5"/>
  <c r="AG60" i="5"/>
  <c r="AF60" i="5"/>
  <c r="AE60" i="5"/>
  <c r="AD60" i="5"/>
  <c r="AC60" i="5"/>
  <c r="AB60" i="5"/>
  <c r="AA60" i="5"/>
  <c r="Z60" i="5"/>
  <c r="Y60" i="5"/>
  <c r="X60" i="5"/>
  <c r="W60" i="5"/>
  <c r="V60" i="5"/>
  <c r="U60" i="5"/>
  <c r="AX60" i="5" s="1"/>
  <c r="AZ60" i="5" s="1"/>
  <c r="T60" i="5"/>
  <c r="S60" i="5"/>
  <c r="F60" i="5"/>
  <c r="AW59" i="5"/>
  <c r="AV59" i="5"/>
  <c r="AU59" i="5"/>
  <c r="AT59" i="5"/>
  <c r="AS59" i="5"/>
  <c r="AR59" i="5"/>
  <c r="AQ59" i="5"/>
  <c r="AP59" i="5"/>
  <c r="AO59" i="5"/>
  <c r="AN59" i="5"/>
  <c r="AM59" i="5"/>
  <c r="AL59" i="5"/>
  <c r="AK59" i="5"/>
  <c r="AJ59" i="5"/>
  <c r="AI59" i="5"/>
  <c r="AH59" i="5"/>
  <c r="AG59" i="5"/>
  <c r="AF59" i="5"/>
  <c r="AE59" i="5"/>
  <c r="AD59" i="5"/>
  <c r="AC59" i="5"/>
  <c r="AB59" i="5"/>
  <c r="AA59" i="5"/>
  <c r="Z59" i="5"/>
  <c r="Y59" i="5"/>
  <c r="AX59" i="5" s="1"/>
  <c r="AZ59" i="5" s="1"/>
  <c r="X59" i="5"/>
  <c r="W59" i="5"/>
  <c r="V59" i="5"/>
  <c r="U59" i="5"/>
  <c r="T59" i="5"/>
  <c r="S59" i="5"/>
  <c r="AW57" i="5"/>
  <c r="AV57" i="5"/>
  <c r="AU57" i="5"/>
  <c r="AT57" i="5"/>
  <c r="AS57" i="5"/>
  <c r="AR57" i="5"/>
  <c r="AQ57" i="5"/>
  <c r="AP57" i="5"/>
  <c r="AO57" i="5"/>
  <c r="AN57" i="5"/>
  <c r="AM57" i="5"/>
  <c r="AL57" i="5"/>
  <c r="AK57" i="5"/>
  <c r="AJ57" i="5"/>
  <c r="AI57" i="5"/>
  <c r="AH57" i="5"/>
  <c r="AG57" i="5"/>
  <c r="AF57" i="5"/>
  <c r="AE57" i="5"/>
  <c r="AD57" i="5"/>
  <c r="AC57" i="5"/>
  <c r="AB57" i="5"/>
  <c r="AA57" i="5"/>
  <c r="Z57" i="5"/>
  <c r="Y57" i="5"/>
  <c r="X57" i="5"/>
  <c r="W57" i="5"/>
  <c r="V57" i="5"/>
  <c r="U57" i="5"/>
  <c r="T57" i="5"/>
  <c r="S57" i="5"/>
  <c r="AX57" i="5" s="1"/>
  <c r="AZ57" i="5" s="1"/>
  <c r="F57" i="5"/>
  <c r="AW56" i="5"/>
  <c r="AV56" i="5"/>
  <c r="AU56" i="5"/>
  <c r="AT56" i="5"/>
  <c r="AS56" i="5"/>
  <c r="AR56" i="5"/>
  <c r="AQ56" i="5"/>
  <c r="AP56" i="5"/>
  <c r="AO56" i="5"/>
  <c r="AN56" i="5"/>
  <c r="AM56" i="5"/>
  <c r="AL56" i="5"/>
  <c r="AK56" i="5"/>
  <c r="AJ56" i="5"/>
  <c r="AI56" i="5"/>
  <c r="AH56" i="5"/>
  <c r="AG56" i="5"/>
  <c r="AF56" i="5"/>
  <c r="AE56" i="5"/>
  <c r="AD56" i="5"/>
  <c r="AC56" i="5"/>
  <c r="AB56" i="5"/>
  <c r="AA56" i="5"/>
  <c r="Z56" i="5"/>
  <c r="Y56" i="5"/>
  <c r="X56" i="5"/>
  <c r="W56" i="5"/>
  <c r="V56" i="5"/>
  <c r="U56" i="5"/>
  <c r="T56" i="5"/>
  <c r="S56" i="5"/>
  <c r="AW54" i="5"/>
  <c r="AV54" i="5"/>
  <c r="AU54" i="5"/>
  <c r="AT54" i="5"/>
  <c r="AS54" i="5"/>
  <c r="AR54" i="5"/>
  <c r="AQ54" i="5"/>
  <c r="AP54" i="5"/>
  <c r="AO54" i="5"/>
  <c r="AN54" i="5"/>
  <c r="AM54" i="5"/>
  <c r="AL54" i="5"/>
  <c r="AK54" i="5"/>
  <c r="AJ54" i="5"/>
  <c r="AI54" i="5"/>
  <c r="AH54" i="5"/>
  <c r="AG54" i="5"/>
  <c r="AF54" i="5"/>
  <c r="AE54" i="5"/>
  <c r="AD54" i="5"/>
  <c r="AC54" i="5"/>
  <c r="AB54" i="5"/>
  <c r="AA54" i="5"/>
  <c r="Z54" i="5"/>
  <c r="Y54" i="5"/>
  <c r="X54" i="5"/>
  <c r="W54" i="5"/>
  <c r="V54" i="5"/>
  <c r="U54" i="5"/>
  <c r="AX54" i="5" s="1"/>
  <c r="AZ54" i="5" s="1"/>
  <c r="T54" i="5"/>
  <c r="S54" i="5"/>
  <c r="F54" i="5"/>
  <c r="AW53" i="5"/>
  <c r="AV53" i="5"/>
  <c r="AU53" i="5"/>
  <c r="AT53" i="5"/>
  <c r="AS53" i="5"/>
  <c r="AR53" i="5"/>
  <c r="AQ53" i="5"/>
  <c r="AP53" i="5"/>
  <c r="AO53" i="5"/>
  <c r="AN53" i="5"/>
  <c r="AM53" i="5"/>
  <c r="AL53" i="5"/>
  <c r="AK53" i="5"/>
  <c r="AJ53" i="5"/>
  <c r="AI53" i="5"/>
  <c r="AH53" i="5"/>
  <c r="AG53" i="5"/>
  <c r="AF53" i="5"/>
  <c r="AE53" i="5"/>
  <c r="AD53" i="5"/>
  <c r="AC53" i="5"/>
  <c r="AB53" i="5"/>
  <c r="AA53" i="5"/>
  <c r="Z53" i="5"/>
  <c r="Y53" i="5"/>
  <c r="X53" i="5"/>
  <c r="W53" i="5"/>
  <c r="V53" i="5"/>
  <c r="U53" i="5"/>
  <c r="T53" i="5"/>
  <c r="S53" i="5"/>
  <c r="AX53" i="5" s="1"/>
  <c r="AZ53" i="5" s="1"/>
  <c r="AW51" i="5"/>
  <c r="AV51" i="5"/>
  <c r="AU51" i="5"/>
  <c r="AT51" i="5"/>
  <c r="AS51" i="5"/>
  <c r="AR51" i="5"/>
  <c r="AQ51" i="5"/>
  <c r="AP51" i="5"/>
  <c r="AO51" i="5"/>
  <c r="AN51" i="5"/>
  <c r="AM51" i="5"/>
  <c r="AL51" i="5"/>
  <c r="AK51" i="5"/>
  <c r="AJ51" i="5"/>
  <c r="AI51" i="5"/>
  <c r="AH51" i="5"/>
  <c r="AG51" i="5"/>
  <c r="AF51" i="5"/>
  <c r="AE51" i="5"/>
  <c r="AD51" i="5"/>
  <c r="AC51" i="5"/>
  <c r="AB51" i="5"/>
  <c r="AA51" i="5"/>
  <c r="Z51" i="5"/>
  <c r="Y51" i="5"/>
  <c r="X51" i="5"/>
  <c r="W51" i="5"/>
  <c r="V51" i="5"/>
  <c r="U51" i="5"/>
  <c r="T51" i="5"/>
  <c r="S51" i="5"/>
  <c r="AX51" i="5" s="1"/>
  <c r="AZ51" i="5" s="1"/>
  <c r="F51" i="5"/>
  <c r="AW50" i="5"/>
  <c r="AV50" i="5"/>
  <c r="AU50" i="5"/>
  <c r="AT50" i="5"/>
  <c r="AS50" i="5"/>
  <c r="AR50" i="5"/>
  <c r="AQ50" i="5"/>
  <c r="AP50" i="5"/>
  <c r="AO50" i="5"/>
  <c r="AN50" i="5"/>
  <c r="AM50" i="5"/>
  <c r="AL50" i="5"/>
  <c r="AK50" i="5"/>
  <c r="AJ50" i="5"/>
  <c r="AI50" i="5"/>
  <c r="AH50" i="5"/>
  <c r="AG50" i="5"/>
  <c r="AF50" i="5"/>
  <c r="AE50" i="5"/>
  <c r="AD50" i="5"/>
  <c r="AC50" i="5"/>
  <c r="AB50" i="5"/>
  <c r="AA50" i="5"/>
  <c r="Z50" i="5"/>
  <c r="Y50" i="5"/>
  <c r="X50" i="5"/>
  <c r="W50" i="5"/>
  <c r="V50" i="5"/>
  <c r="U50" i="5"/>
  <c r="T50" i="5"/>
  <c r="S50" i="5"/>
  <c r="AW48" i="5"/>
  <c r="AV48" i="5"/>
  <c r="AU48" i="5"/>
  <c r="AT48" i="5"/>
  <c r="AS48" i="5"/>
  <c r="AR48" i="5"/>
  <c r="AQ48" i="5"/>
  <c r="AP48" i="5"/>
  <c r="AO48" i="5"/>
  <c r="AN48" i="5"/>
  <c r="AM48" i="5"/>
  <c r="AL48" i="5"/>
  <c r="AK48" i="5"/>
  <c r="AJ48" i="5"/>
  <c r="AI48" i="5"/>
  <c r="AH48" i="5"/>
  <c r="AG48" i="5"/>
  <c r="AF48" i="5"/>
  <c r="AE48" i="5"/>
  <c r="AD48" i="5"/>
  <c r="AC48" i="5"/>
  <c r="AB48" i="5"/>
  <c r="AA48" i="5"/>
  <c r="Z48" i="5"/>
  <c r="AX48" i="5" s="1"/>
  <c r="AZ48" i="5" s="1"/>
  <c r="Y48" i="5"/>
  <c r="X48" i="5"/>
  <c r="W48" i="5"/>
  <c r="V48" i="5"/>
  <c r="U48" i="5"/>
  <c r="T48" i="5"/>
  <c r="S48" i="5"/>
  <c r="F48" i="5"/>
  <c r="AW47" i="5"/>
  <c r="AV47" i="5"/>
  <c r="AU47" i="5"/>
  <c r="AT47" i="5"/>
  <c r="AS47" i="5"/>
  <c r="AR47" i="5"/>
  <c r="AQ47" i="5"/>
  <c r="AP47" i="5"/>
  <c r="AO47" i="5"/>
  <c r="AN47" i="5"/>
  <c r="AM47" i="5"/>
  <c r="AL47" i="5"/>
  <c r="AK47" i="5"/>
  <c r="AJ47" i="5"/>
  <c r="AI47" i="5"/>
  <c r="AH47" i="5"/>
  <c r="AG47" i="5"/>
  <c r="AF47" i="5"/>
  <c r="AE47" i="5"/>
  <c r="AD47" i="5"/>
  <c r="AC47" i="5"/>
  <c r="AB47" i="5"/>
  <c r="AA47" i="5"/>
  <c r="Z47" i="5"/>
  <c r="Y47" i="5"/>
  <c r="X47" i="5"/>
  <c r="W47" i="5"/>
  <c r="V47" i="5"/>
  <c r="U47" i="5"/>
  <c r="T47" i="5"/>
  <c r="S47" i="5"/>
  <c r="AX47" i="5" s="1"/>
  <c r="AZ47" i="5" s="1"/>
  <c r="AW45" i="5"/>
  <c r="AV45" i="5"/>
  <c r="AU45" i="5"/>
  <c r="AT45" i="5"/>
  <c r="AS45" i="5"/>
  <c r="AR45" i="5"/>
  <c r="AQ45" i="5"/>
  <c r="AP45" i="5"/>
  <c r="AO45" i="5"/>
  <c r="AN45" i="5"/>
  <c r="AM45" i="5"/>
  <c r="AL45" i="5"/>
  <c r="AK45" i="5"/>
  <c r="AJ45" i="5"/>
  <c r="AI45" i="5"/>
  <c r="AH45" i="5"/>
  <c r="AG45" i="5"/>
  <c r="AF45" i="5"/>
  <c r="AE45" i="5"/>
  <c r="AD45" i="5"/>
  <c r="AC45" i="5"/>
  <c r="AB45" i="5"/>
  <c r="AA45" i="5"/>
  <c r="Z45" i="5"/>
  <c r="Y45" i="5"/>
  <c r="X45" i="5"/>
  <c r="W45" i="5"/>
  <c r="V45" i="5"/>
  <c r="U45" i="5"/>
  <c r="T45" i="5"/>
  <c r="S45" i="5"/>
  <c r="AX45" i="5" s="1"/>
  <c r="AZ45" i="5" s="1"/>
  <c r="F45" i="5"/>
  <c r="AW44" i="5"/>
  <c r="AV44" i="5"/>
  <c r="AU44" i="5"/>
  <c r="AT44" i="5"/>
  <c r="AS44" i="5"/>
  <c r="AR44" i="5"/>
  <c r="AQ44" i="5"/>
  <c r="AP44" i="5"/>
  <c r="AO44" i="5"/>
  <c r="AN44" i="5"/>
  <c r="AM44" i="5"/>
  <c r="AL44" i="5"/>
  <c r="AK44" i="5"/>
  <c r="AJ44" i="5"/>
  <c r="AI44" i="5"/>
  <c r="AH44" i="5"/>
  <c r="AG44" i="5"/>
  <c r="AF44" i="5"/>
  <c r="AE44" i="5"/>
  <c r="AD44" i="5"/>
  <c r="AC44" i="5"/>
  <c r="AB44" i="5"/>
  <c r="AA44" i="5"/>
  <c r="Z44" i="5"/>
  <c r="Y44" i="5"/>
  <c r="X44" i="5"/>
  <c r="W44" i="5"/>
  <c r="V44" i="5"/>
  <c r="U44" i="5"/>
  <c r="T44" i="5"/>
  <c r="S44" i="5"/>
  <c r="AW42" i="5"/>
  <c r="AV42" i="5"/>
  <c r="AU42" i="5"/>
  <c r="AT42" i="5"/>
  <c r="AS42" i="5"/>
  <c r="AR42" i="5"/>
  <c r="AQ42" i="5"/>
  <c r="AP42" i="5"/>
  <c r="AO42" i="5"/>
  <c r="AN42" i="5"/>
  <c r="AM42" i="5"/>
  <c r="AL42" i="5"/>
  <c r="AK42" i="5"/>
  <c r="AJ42" i="5"/>
  <c r="AI42" i="5"/>
  <c r="AH42" i="5"/>
  <c r="AG42" i="5"/>
  <c r="AF42" i="5"/>
  <c r="AE42" i="5"/>
  <c r="AD42" i="5"/>
  <c r="AC42" i="5"/>
  <c r="AB42" i="5"/>
  <c r="AA42" i="5"/>
  <c r="Z42" i="5"/>
  <c r="Y42" i="5"/>
  <c r="X42" i="5"/>
  <c r="W42" i="5"/>
  <c r="V42" i="5"/>
  <c r="U42" i="5"/>
  <c r="AX42" i="5" s="1"/>
  <c r="AZ42" i="5" s="1"/>
  <c r="T42" i="5"/>
  <c r="S42" i="5"/>
  <c r="F42" i="5"/>
  <c r="AW41" i="5"/>
  <c r="AV41" i="5"/>
  <c r="AU41" i="5"/>
  <c r="AT41" i="5"/>
  <c r="AS41" i="5"/>
  <c r="AR41" i="5"/>
  <c r="AQ41" i="5"/>
  <c r="AP41" i="5"/>
  <c r="AO41" i="5"/>
  <c r="AN41" i="5"/>
  <c r="AM41" i="5"/>
  <c r="AL41" i="5"/>
  <c r="AK41" i="5"/>
  <c r="AJ41" i="5"/>
  <c r="AI41" i="5"/>
  <c r="AH41" i="5"/>
  <c r="AG41" i="5"/>
  <c r="AF41" i="5"/>
  <c r="AE41" i="5"/>
  <c r="AD41" i="5"/>
  <c r="AC41" i="5"/>
  <c r="AB41" i="5"/>
  <c r="AA41" i="5"/>
  <c r="Z41" i="5"/>
  <c r="Y41" i="5"/>
  <c r="X41" i="5"/>
  <c r="W41" i="5"/>
  <c r="V41" i="5"/>
  <c r="U41" i="5"/>
  <c r="T41" i="5"/>
  <c r="S41" i="5"/>
  <c r="AX41" i="5" s="1"/>
  <c r="AZ41" i="5" s="1"/>
  <c r="AW39" i="5"/>
  <c r="AV39" i="5"/>
  <c r="AU39" i="5"/>
  <c r="AT39" i="5"/>
  <c r="AS39" i="5"/>
  <c r="AR39" i="5"/>
  <c r="AQ39" i="5"/>
  <c r="AP39" i="5"/>
  <c r="AO39" i="5"/>
  <c r="AN39" i="5"/>
  <c r="AM39" i="5"/>
  <c r="AL39" i="5"/>
  <c r="AK39" i="5"/>
  <c r="AJ39" i="5"/>
  <c r="AI39" i="5"/>
  <c r="AH39" i="5"/>
  <c r="AG39" i="5"/>
  <c r="AF39" i="5"/>
  <c r="AE39" i="5"/>
  <c r="AD39" i="5"/>
  <c r="AC39" i="5"/>
  <c r="AB39" i="5"/>
  <c r="AA39" i="5"/>
  <c r="Z39" i="5"/>
  <c r="AX39" i="5" s="1"/>
  <c r="AZ39" i="5" s="1"/>
  <c r="Y39" i="5"/>
  <c r="X39" i="5"/>
  <c r="W39" i="5"/>
  <c r="V39" i="5"/>
  <c r="U39" i="5"/>
  <c r="T39" i="5"/>
  <c r="S39" i="5"/>
  <c r="F39" i="5"/>
  <c r="AW38" i="5"/>
  <c r="AV38" i="5"/>
  <c r="AU38" i="5"/>
  <c r="AT38" i="5"/>
  <c r="AS38" i="5"/>
  <c r="AR38" i="5"/>
  <c r="AQ38" i="5"/>
  <c r="AP38" i="5"/>
  <c r="AO38" i="5"/>
  <c r="AN38" i="5"/>
  <c r="AM38" i="5"/>
  <c r="AL38" i="5"/>
  <c r="AK38" i="5"/>
  <c r="AJ38" i="5"/>
  <c r="AI38" i="5"/>
  <c r="AH38" i="5"/>
  <c r="AG38" i="5"/>
  <c r="AF38" i="5"/>
  <c r="AE38" i="5"/>
  <c r="AD38" i="5"/>
  <c r="AC38" i="5"/>
  <c r="AB38" i="5"/>
  <c r="AA38" i="5"/>
  <c r="Z38" i="5"/>
  <c r="Y38" i="5"/>
  <c r="X38" i="5"/>
  <c r="W38" i="5"/>
  <c r="V38" i="5"/>
  <c r="U38" i="5"/>
  <c r="T38" i="5"/>
  <c r="S38" i="5"/>
  <c r="AX38" i="5" s="1"/>
  <c r="AZ38" i="5" s="1"/>
  <c r="AW36" i="5"/>
  <c r="AV36" i="5"/>
  <c r="AU36" i="5"/>
  <c r="AT36" i="5"/>
  <c r="AS36" i="5"/>
  <c r="AR36" i="5"/>
  <c r="AQ36" i="5"/>
  <c r="AP36" i="5"/>
  <c r="AO36" i="5"/>
  <c r="AN36" i="5"/>
  <c r="AM36" i="5"/>
  <c r="AL36" i="5"/>
  <c r="AK36" i="5"/>
  <c r="AJ36" i="5"/>
  <c r="AI36" i="5"/>
  <c r="AH36" i="5"/>
  <c r="AG36" i="5"/>
  <c r="AF36" i="5"/>
  <c r="AE36" i="5"/>
  <c r="AD36" i="5"/>
  <c r="AC36" i="5"/>
  <c r="AB36" i="5"/>
  <c r="AA36" i="5"/>
  <c r="Z36" i="5"/>
  <c r="Y36" i="5"/>
  <c r="X36" i="5"/>
  <c r="W36" i="5"/>
  <c r="AX36" i="5" s="1"/>
  <c r="AZ36" i="5" s="1"/>
  <c r="V36" i="5"/>
  <c r="U36" i="5"/>
  <c r="T36" i="5"/>
  <c r="S36" i="5"/>
  <c r="F36" i="5"/>
  <c r="AW35" i="5"/>
  <c r="AV35" i="5"/>
  <c r="AU35" i="5"/>
  <c r="AT35" i="5"/>
  <c r="AS35" i="5"/>
  <c r="AR35" i="5"/>
  <c r="AQ35" i="5"/>
  <c r="AP35" i="5"/>
  <c r="AO35" i="5"/>
  <c r="AN35" i="5"/>
  <c r="AM35" i="5"/>
  <c r="AL35" i="5"/>
  <c r="AK35" i="5"/>
  <c r="AJ35" i="5"/>
  <c r="AI35" i="5"/>
  <c r="AH35" i="5"/>
  <c r="AG35" i="5"/>
  <c r="AF35" i="5"/>
  <c r="AE35" i="5"/>
  <c r="AD35" i="5"/>
  <c r="AC35" i="5"/>
  <c r="AB35" i="5"/>
  <c r="AA35" i="5"/>
  <c r="Z35" i="5"/>
  <c r="Y35" i="5"/>
  <c r="X35" i="5"/>
  <c r="W35" i="5"/>
  <c r="V35" i="5"/>
  <c r="U35" i="5"/>
  <c r="T35" i="5"/>
  <c r="S35" i="5"/>
  <c r="AX35" i="5" s="1"/>
  <c r="AZ35" i="5" s="1"/>
  <c r="AW33" i="5"/>
  <c r="AV33" i="5"/>
  <c r="AU33" i="5"/>
  <c r="AT33" i="5"/>
  <c r="AS33" i="5"/>
  <c r="AR33" i="5"/>
  <c r="AQ33" i="5"/>
  <c r="AP33" i="5"/>
  <c r="AO33" i="5"/>
  <c r="AN33" i="5"/>
  <c r="AM33" i="5"/>
  <c r="AL33" i="5"/>
  <c r="AK33" i="5"/>
  <c r="AJ33" i="5"/>
  <c r="AI33" i="5"/>
  <c r="AH33" i="5"/>
  <c r="AG33" i="5"/>
  <c r="AF33" i="5"/>
  <c r="AE33" i="5"/>
  <c r="AD33" i="5"/>
  <c r="AC33" i="5"/>
  <c r="AB33" i="5"/>
  <c r="AA33" i="5"/>
  <c r="Z33" i="5"/>
  <c r="Y33" i="5"/>
  <c r="X33" i="5"/>
  <c r="W33" i="5"/>
  <c r="V33" i="5"/>
  <c r="U33" i="5"/>
  <c r="T33" i="5"/>
  <c r="S33" i="5"/>
  <c r="AX33" i="5" s="1"/>
  <c r="AZ33" i="5" s="1"/>
  <c r="F33" i="5"/>
  <c r="AW32" i="5"/>
  <c r="AV32" i="5"/>
  <c r="AU32" i="5"/>
  <c r="AT32" i="5"/>
  <c r="AS32" i="5"/>
  <c r="AR32" i="5"/>
  <c r="AQ32" i="5"/>
  <c r="AP32" i="5"/>
  <c r="AO32" i="5"/>
  <c r="AN32" i="5"/>
  <c r="AM32" i="5"/>
  <c r="AL32" i="5"/>
  <c r="AK32" i="5"/>
  <c r="AJ32" i="5"/>
  <c r="AI32" i="5"/>
  <c r="AH32" i="5"/>
  <c r="AG32" i="5"/>
  <c r="AF32" i="5"/>
  <c r="AE32" i="5"/>
  <c r="AD32" i="5"/>
  <c r="AC32" i="5"/>
  <c r="AB32" i="5"/>
  <c r="AA32" i="5"/>
  <c r="Z32" i="5"/>
  <c r="Y32" i="5"/>
  <c r="X32" i="5"/>
  <c r="W32" i="5"/>
  <c r="V32" i="5"/>
  <c r="U32" i="5"/>
  <c r="T32" i="5"/>
  <c r="S32" i="5"/>
  <c r="AW30" i="5"/>
  <c r="AV30" i="5"/>
  <c r="AU30" i="5"/>
  <c r="AT30" i="5"/>
  <c r="AS30" i="5"/>
  <c r="AR30" i="5"/>
  <c r="AQ30" i="5"/>
  <c r="AP30" i="5"/>
  <c r="AO30" i="5"/>
  <c r="AN30" i="5"/>
  <c r="AM30" i="5"/>
  <c r="AL30" i="5"/>
  <c r="AK30" i="5"/>
  <c r="AJ30" i="5"/>
  <c r="AI30" i="5"/>
  <c r="AH30" i="5"/>
  <c r="AG30" i="5"/>
  <c r="AF30" i="5"/>
  <c r="AE30" i="5"/>
  <c r="AD30" i="5"/>
  <c r="AC30" i="5"/>
  <c r="AB30" i="5"/>
  <c r="AA30" i="5"/>
  <c r="Z30" i="5"/>
  <c r="Y30" i="5"/>
  <c r="X30" i="5"/>
  <c r="W30" i="5"/>
  <c r="V30" i="5"/>
  <c r="U30" i="5"/>
  <c r="AX30" i="5" s="1"/>
  <c r="AZ30" i="5" s="1"/>
  <c r="T30" i="5"/>
  <c r="S30" i="5"/>
  <c r="F30" i="5"/>
  <c r="AW29" i="5"/>
  <c r="AV29" i="5"/>
  <c r="AU29" i="5"/>
  <c r="AT29" i="5"/>
  <c r="AS29" i="5"/>
  <c r="AR29" i="5"/>
  <c r="AQ29" i="5"/>
  <c r="AP29" i="5"/>
  <c r="AO29" i="5"/>
  <c r="AN29" i="5"/>
  <c r="AM29" i="5"/>
  <c r="AL29" i="5"/>
  <c r="AK29" i="5"/>
  <c r="AJ29" i="5"/>
  <c r="AI29" i="5"/>
  <c r="AH29" i="5"/>
  <c r="AG29" i="5"/>
  <c r="AF29" i="5"/>
  <c r="AE29" i="5"/>
  <c r="AD29" i="5"/>
  <c r="AC29" i="5"/>
  <c r="AB29" i="5"/>
  <c r="AA29" i="5"/>
  <c r="Z29" i="5"/>
  <c r="AX29" i="5" s="1"/>
  <c r="AZ29" i="5" s="1"/>
  <c r="Y29" i="5"/>
  <c r="X29" i="5"/>
  <c r="W29" i="5"/>
  <c r="V29" i="5"/>
  <c r="U29" i="5"/>
  <c r="T29" i="5"/>
  <c r="S29" i="5"/>
  <c r="B28" i="5"/>
  <c r="B31" i="5" s="1"/>
  <c r="B34" i="5" s="1"/>
  <c r="B37" i="5" s="1"/>
  <c r="B40" i="5" s="1"/>
  <c r="B43" i="5" s="1"/>
  <c r="B46" i="5" s="1"/>
  <c r="B49" i="5" s="1"/>
  <c r="B52" i="5" s="1"/>
  <c r="B55" i="5" s="1"/>
  <c r="B58" i="5" s="1"/>
  <c r="AW27" i="5"/>
  <c r="AV27" i="5"/>
  <c r="AU27" i="5"/>
  <c r="AT27" i="5"/>
  <c r="AS27" i="5"/>
  <c r="AR27" i="5"/>
  <c r="AQ27" i="5"/>
  <c r="AP27" i="5"/>
  <c r="AO27" i="5"/>
  <c r="AN27" i="5"/>
  <c r="AM27" i="5"/>
  <c r="AL27" i="5"/>
  <c r="AK27" i="5"/>
  <c r="AJ27" i="5"/>
  <c r="AI27" i="5"/>
  <c r="AH27" i="5"/>
  <c r="AG27" i="5"/>
  <c r="AF27" i="5"/>
  <c r="AE27" i="5"/>
  <c r="AD27" i="5"/>
  <c r="AC27" i="5"/>
  <c r="AB27" i="5"/>
  <c r="AA27" i="5"/>
  <c r="Z27" i="5"/>
  <c r="Y27" i="5"/>
  <c r="X27" i="5"/>
  <c r="W27" i="5"/>
  <c r="V27" i="5"/>
  <c r="U27" i="5"/>
  <c r="T27" i="5"/>
  <c r="S27" i="5"/>
  <c r="AX27" i="5" s="1"/>
  <c r="AZ27" i="5" s="1"/>
  <c r="F27" i="5"/>
  <c r="AW26" i="5"/>
  <c r="AV26" i="5"/>
  <c r="AU26" i="5"/>
  <c r="AT26" i="5"/>
  <c r="AS26" i="5"/>
  <c r="AR26" i="5"/>
  <c r="AQ26" i="5"/>
  <c r="AP26" i="5"/>
  <c r="AO26" i="5"/>
  <c r="AN26" i="5"/>
  <c r="AM26" i="5"/>
  <c r="AL26" i="5"/>
  <c r="AK26" i="5"/>
  <c r="AJ26" i="5"/>
  <c r="AI26" i="5"/>
  <c r="AH26" i="5"/>
  <c r="AG26" i="5"/>
  <c r="AF26" i="5"/>
  <c r="AE26" i="5"/>
  <c r="AD26" i="5"/>
  <c r="AC26" i="5"/>
  <c r="AB26" i="5"/>
  <c r="AA26" i="5"/>
  <c r="Z26" i="5"/>
  <c r="Y26" i="5"/>
  <c r="X26" i="5"/>
  <c r="W26" i="5"/>
  <c r="V26" i="5"/>
  <c r="U26" i="5"/>
  <c r="T26" i="5"/>
  <c r="S26" i="5"/>
  <c r="B25" i="5"/>
  <c r="AW24" i="5"/>
  <c r="AV24" i="5"/>
  <c r="AU24" i="5"/>
  <c r="AT24" i="5"/>
  <c r="AS24" i="5"/>
  <c r="AR24" i="5"/>
  <c r="AQ24" i="5"/>
  <c r="AP24" i="5"/>
  <c r="AO24" i="5"/>
  <c r="AN24" i="5"/>
  <c r="AM24" i="5"/>
  <c r="AL24" i="5"/>
  <c r="AK24" i="5"/>
  <c r="AJ24" i="5"/>
  <c r="AI24" i="5"/>
  <c r="AH24" i="5"/>
  <c r="AG24" i="5"/>
  <c r="AF24" i="5"/>
  <c r="AE24" i="5"/>
  <c r="AD24" i="5"/>
  <c r="AC24" i="5"/>
  <c r="AB24" i="5"/>
  <c r="AA24" i="5"/>
  <c r="Z24" i="5"/>
  <c r="Y24" i="5"/>
  <c r="X24" i="5"/>
  <c r="W24" i="5"/>
  <c r="V24" i="5"/>
  <c r="U24" i="5"/>
  <c r="AX24" i="5" s="1"/>
  <c r="AZ24" i="5" s="1"/>
  <c r="T24" i="5"/>
  <c r="S24" i="5"/>
  <c r="F24" i="5"/>
  <c r="AN62" i="5" s="1"/>
  <c r="AW23" i="5"/>
  <c r="AV23" i="5"/>
  <c r="AU23" i="5"/>
  <c r="AT23" i="5"/>
  <c r="AS23" i="5"/>
  <c r="AR23" i="5"/>
  <c r="AQ23" i="5"/>
  <c r="AP23" i="5"/>
  <c r="AO23" i="5"/>
  <c r="AN23" i="5"/>
  <c r="AM23" i="5"/>
  <c r="AL23" i="5"/>
  <c r="AK23" i="5"/>
  <c r="AJ23" i="5"/>
  <c r="AI23" i="5"/>
  <c r="AH23" i="5"/>
  <c r="AG23" i="5"/>
  <c r="AF23" i="5"/>
  <c r="AE23" i="5"/>
  <c r="AD23" i="5"/>
  <c r="AC23" i="5"/>
  <c r="AB23" i="5"/>
  <c r="AA23" i="5"/>
  <c r="Z23" i="5"/>
  <c r="Y23" i="5"/>
  <c r="X23" i="5"/>
  <c r="W23" i="5"/>
  <c r="V23" i="5"/>
  <c r="U23" i="5"/>
  <c r="T23" i="5"/>
  <c r="S23" i="5"/>
  <c r="AX23" i="5" s="1"/>
  <c r="AZ23" i="5" s="1"/>
  <c r="AU21" i="5"/>
  <c r="AL21" i="5"/>
  <c r="Z21" i="5"/>
  <c r="Y21" i="5"/>
  <c r="AU20" i="5"/>
  <c r="AT20" i="5"/>
  <c r="AT21" i="5" s="1"/>
  <c r="AS20" i="5"/>
  <c r="AS21" i="5" s="1"/>
  <c r="AP20" i="5"/>
  <c r="AP21" i="5" s="1"/>
  <c r="AO20" i="5"/>
  <c r="AO21" i="5" s="1"/>
  <c r="AN20" i="5"/>
  <c r="AN21" i="5" s="1"/>
  <c r="AM20" i="5"/>
  <c r="AM21" i="5" s="1"/>
  <c r="AL20" i="5"/>
  <c r="AK20" i="5"/>
  <c r="AK21" i="5" s="1"/>
  <c r="AH20" i="5"/>
  <c r="AH21" i="5" s="1"/>
  <c r="AG20" i="5"/>
  <c r="AG21" i="5" s="1"/>
  <c r="AF20" i="5"/>
  <c r="AF21" i="5" s="1"/>
  <c r="AE20" i="5"/>
  <c r="AE21" i="5" s="1"/>
  <c r="AD20" i="5"/>
  <c r="AD21" i="5" s="1"/>
  <c r="AC20" i="5"/>
  <c r="AC21" i="5" s="1"/>
  <c r="Z20" i="5"/>
  <c r="Y20" i="5"/>
  <c r="X20" i="5"/>
  <c r="X21" i="5" s="1"/>
  <c r="W20" i="5"/>
  <c r="W21" i="5" s="1"/>
  <c r="V20" i="5"/>
  <c r="V21" i="5" s="1"/>
  <c r="U20" i="5"/>
  <c r="U21" i="5" s="1"/>
  <c r="AW19" i="5"/>
  <c r="AW20" i="5" s="1"/>
  <c r="AW21" i="5" s="1"/>
  <c r="AV19" i="5"/>
  <c r="AV20" i="5" s="1"/>
  <c r="AV21" i="5" s="1"/>
  <c r="AU19" i="5"/>
  <c r="AX17" i="5"/>
  <c r="BC14" i="5"/>
  <c r="BB8" i="5"/>
  <c r="AC2" i="5"/>
  <c r="AR20" i="5" s="1"/>
  <c r="AR21" i="5" s="1"/>
  <c r="S25" i="4"/>
  <c r="U25" i="4" s="1"/>
  <c r="Q25" i="4"/>
  <c r="K25" i="4"/>
  <c r="S24" i="4"/>
  <c r="U24" i="4" s="1"/>
  <c r="Q24" i="4"/>
  <c r="K24" i="4"/>
  <c r="S23" i="4"/>
  <c r="U23" i="4" s="1"/>
  <c r="Q23" i="4"/>
  <c r="K23" i="4"/>
  <c r="S22" i="4"/>
  <c r="Q22" i="4"/>
  <c r="U22" i="4" s="1"/>
  <c r="K22" i="4"/>
  <c r="S21" i="4"/>
  <c r="U21" i="4" s="1"/>
  <c r="Q21" i="4"/>
  <c r="K21" i="4"/>
  <c r="U20" i="4"/>
  <c r="S20" i="4"/>
  <c r="Q20" i="4"/>
  <c r="K20" i="4"/>
  <c r="S19" i="4"/>
  <c r="Q19" i="4"/>
  <c r="K19" i="4"/>
  <c r="U18" i="4"/>
  <c r="S18" i="4"/>
  <c r="Q18" i="4"/>
  <c r="K18" i="4"/>
  <c r="S17" i="4"/>
  <c r="Q17" i="4"/>
  <c r="K17" i="4"/>
  <c r="U16" i="4"/>
  <c r="S16" i="4"/>
  <c r="Q16" i="4"/>
  <c r="K16" i="4"/>
  <c r="S15" i="4"/>
  <c r="Q15" i="4"/>
  <c r="K15" i="4"/>
  <c r="U14" i="4"/>
  <c r="S14" i="4"/>
  <c r="Q14" i="4"/>
  <c r="K14" i="4"/>
  <c r="S13" i="4"/>
  <c r="U13" i="4" s="1"/>
  <c r="Q13" i="4"/>
  <c r="K13" i="4"/>
  <c r="S12" i="4"/>
  <c r="U12" i="4" s="1"/>
  <c r="Q12" i="4"/>
  <c r="K12" i="4"/>
  <c r="S11" i="4"/>
  <c r="U11" i="4" s="1"/>
  <c r="Q11" i="4"/>
  <c r="K11" i="4"/>
  <c r="S10" i="4"/>
  <c r="U10" i="4" s="1"/>
  <c r="Q10" i="4"/>
  <c r="K10" i="4"/>
  <c r="S9" i="4"/>
  <c r="U9" i="4" s="1"/>
  <c r="Q9" i="4"/>
  <c r="K9" i="4"/>
  <c r="S8" i="4"/>
  <c r="U8" i="4" s="1"/>
  <c r="Q8" i="4"/>
  <c r="K8" i="4"/>
  <c r="S7" i="4"/>
  <c r="U7" i="4" s="1"/>
  <c r="Q7" i="4"/>
  <c r="K7" i="4"/>
  <c r="S6" i="4"/>
  <c r="Q6" i="4"/>
  <c r="U6" i="4" s="1"/>
  <c r="K6" i="4"/>
  <c r="W45" i="2"/>
  <c r="W44" i="2"/>
  <c r="R44" i="2"/>
  <c r="AE40" i="2"/>
  <c r="R50" i="2" s="1"/>
  <c r="AA40" i="2"/>
  <c r="R45" i="2" s="1"/>
  <c r="AB45" i="2" s="1"/>
  <c r="W50" i="2" s="1"/>
  <c r="Y40" i="2"/>
  <c r="V39" i="2"/>
  <c r="T39" i="2"/>
  <c r="V38" i="2"/>
  <c r="T38" i="2"/>
  <c r="J38" i="2"/>
  <c r="H38" i="2"/>
  <c r="F38" i="2"/>
  <c r="V37" i="2"/>
  <c r="T37" i="2"/>
  <c r="L37" i="2"/>
  <c r="L38" i="2" s="1"/>
  <c r="L40" i="2" s="1"/>
  <c r="C45" i="2" s="1"/>
  <c r="V36" i="2"/>
  <c r="V40" i="2" s="1"/>
  <c r="T36" i="2"/>
  <c r="T40" i="2" s="1"/>
  <c r="L36" i="2"/>
  <c r="J35" i="2"/>
  <c r="H35" i="2"/>
  <c r="F35" i="2"/>
  <c r="AU30" i="2"/>
  <c r="AW30" i="2" s="1"/>
  <c r="AW29" i="2"/>
  <c r="AU29" i="2"/>
  <c r="AU28" i="2"/>
  <c r="AW28" i="2" s="1"/>
  <c r="AU27" i="2"/>
  <c r="AW27" i="2" s="1"/>
  <c r="AW26" i="2"/>
  <c r="AU26" i="2"/>
  <c r="AW25" i="2"/>
  <c r="AU25" i="2"/>
  <c r="AU24" i="2"/>
  <c r="AW24" i="2" s="1"/>
  <c r="AW23" i="2"/>
  <c r="AU23" i="2"/>
  <c r="AU22" i="2"/>
  <c r="AW22" i="2" s="1"/>
  <c r="AU21" i="2"/>
  <c r="AW21" i="2" s="1"/>
  <c r="AU20" i="2"/>
  <c r="AW20" i="2" s="1"/>
  <c r="AU19" i="2"/>
  <c r="AW19" i="2" s="1"/>
  <c r="AU18" i="2"/>
  <c r="AW18" i="2" s="1"/>
  <c r="AW17" i="2"/>
  <c r="AU17" i="2"/>
  <c r="AU16" i="2"/>
  <c r="AW16" i="2" s="1"/>
  <c r="AW15" i="2"/>
  <c r="AU15" i="2"/>
  <c r="B15" i="2"/>
  <c r="B16" i="2" s="1"/>
  <c r="B17" i="2" s="1"/>
  <c r="B18" i="2" s="1"/>
  <c r="B19" i="2" s="1"/>
  <c r="B20" i="2" s="1"/>
  <c r="B21" i="2" s="1"/>
  <c r="B22" i="2" s="1"/>
  <c r="B23" i="2" s="1"/>
  <c r="B24" i="2" s="1"/>
  <c r="B25" i="2" s="1"/>
  <c r="B26" i="2" s="1"/>
  <c r="B27" i="2" s="1"/>
  <c r="B28" i="2" s="1"/>
  <c r="B29" i="2" s="1"/>
  <c r="B30" i="2" s="1"/>
  <c r="AW14" i="2"/>
  <c r="AU14" i="2"/>
  <c r="B14" i="2"/>
  <c r="AU13" i="2"/>
  <c r="AW13" i="2" s="1"/>
  <c r="AT12" i="2"/>
  <c r="AR12" i="2"/>
  <c r="AP12" i="2"/>
  <c r="AI12" i="2"/>
  <c r="AG12" i="2"/>
  <c r="AA12" i="2"/>
  <c r="Z12" i="2"/>
  <c r="X12" i="2"/>
  <c r="R12" i="2"/>
  <c r="Q12" i="2"/>
  <c r="AT11" i="2"/>
  <c r="AP11" i="2"/>
  <c r="AO11" i="2"/>
  <c r="AO12" i="2" s="1"/>
  <c r="AN11" i="2"/>
  <c r="AN12" i="2" s="1"/>
  <c r="AM11" i="2"/>
  <c r="AM12" i="2" s="1"/>
  <c r="AL11" i="2"/>
  <c r="AL12" i="2" s="1"/>
  <c r="AK11" i="2"/>
  <c r="AK12" i="2" s="1"/>
  <c r="AI11" i="2"/>
  <c r="AG11" i="2"/>
  <c r="AF11" i="2"/>
  <c r="AF12" i="2" s="1"/>
  <c r="AE11" i="2"/>
  <c r="AE12" i="2" s="1"/>
  <c r="AD11" i="2"/>
  <c r="AD12" i="2" s="1"/>
  <c r="AC11" i="2"/>
  <c r="AC12" i="2" s="1"/>
  <c r="AA11" i="2"/>
  <c r="Z11" i="2"/>
  <c r="X11" i="2"/>
  <c r="W11" i="2"/>
  <c r="W12" i="2" s="1"/>
  <c r="V11" i="2"/>
  <c r="V12" i="2" s="1"/>
  <c r="U11" i="2"/>
  <c r="U12" i="2" s="1"/>
  <c r="S11" i="2"/>
  <c r="S12" i="2" s="1"/>
  <c r="R11" i="2"/>
  <c r="Q11" i="2"/>
  <c r="AT10" i="2"/>
  <c r="AS10" i="2"/>
  <c r="AS11" i="2" s="1"/>
  <c r="AS12" i="2" s="1"/>
  <c r="AR10" i="2"/>
  <c r="AR11" i="2" s="1"/>
  <c r="AP10" i="2"/>
  <c r="AO10" i="2"/>
  <c r="AN10" i="2"/>
  <c r="AM10" i="2"/>
  <c r="AK10" i="2"/>
  <c r="AJ10" i="2"/>
  <c r="AH10" i="2"/>
  <c r="AG10" i="2"/>
  <c r="AF10" i="2"/>
  <c r="AE10" i="2"/>
  <c r="AD10" i="2"/>
  <c r="AB10" i="2"/>
  <c r="AA10" i="2"/>
  <c r="Z10" i="2"/>
  <c r="Y10" i="2"/>
  <c r="X10" i="2"/>
  <c r="W10" i="2"/>
  <c r="V10" i="2"/>
  <c r="T10" i="2"/>
  <c r="S10" i="2"/>
  <c r="R10" i="2"/>
  <c r="Q10" i="2"/>
  <c r="P10" i="2"/>
  <c r="AU8" i="2"/>
  <c r="AZ6" i="2"/>
  <c r="X2" i="2"/>
  <c r="AB50" i="2" l="1"/>
  <c r="L45" i="2"/>
  <c r="I45" i="2"/>
  <c r="U19" i="4"/>
  <c r="X62" i="5"/>
  <c r="AJ62" i="5"/>
  <c r="AW62" i="5"/>
  <c r="Y62" i="5"/>
  <c r="AK62" i="5"/>
  <c r="S63" i="5"/>
  <c r="U17" i="4"/>
  <c r="AJ11" i="2"/>
  <c r="AJ12" i="2" s="1"/>
  <c r="AB11" i="2"/>
  <c r="AB12" i="2" s="1"/>
  <c r="T11" i="2"/>
  <c r="T12" i="2" s="1"/>
  <c r="AQ10" i="2"/>
  <c r="AI10" i="2"/>
  <c r="U10" i="2"/>
  <c r="AC10" i="2"/>
  <c r="AL10" i="2"/>
  <c r="P11" i="2"/>
  <c r="P12" i="2" s="1"/>
  <c r="Y11" i="2"/>
  <c r="Y12" i="2" s="1"/>
  <c r="AH11" i="2"/>
  <c r="AH12" i="2" s="1"/>
  <c r="AQ11" i="2"/>
  <c r="AQ12" i="2" s="1"/>
  <c r="U15" i="4"/>
  <c r="AX50" i="5"/>
  <c r="AZ50" i="5" s="1"/>
  <c r="AB62" i="5"/>
  <c r="AL62" i="5"/>
  <c r="AX32" i="5"/>
  <c r="AZ32" i="5" s="1"/>
  <c r="AC62" i="5"/>
  <c r="AV70" i="5"/>
  <c r="AN70" i="5"/>
  <c r="AF70" i="5"/>
  <c r="X70" i="5"/>
  <c r="AU69" i="5"/>
  <c r="AM69" i="5"/>
  <c r="AE69" i="5"/>
  <c r="W69" i="5"/>
  <c r="AT68" i="5"/>
  <c r="AL68" i="5"/>
  <c r="AD68" i="5"/>
  <c r="V68" i="5"/>
  <c r="AS67" i="5"/>
  <c r="AK67" i="5"/>
  <c r="AC67" i="5"/>
  <c r="U67" i="5"/>
  <c r="AS63" i="5"/>
  <c r="AK63" i="5"/>
  <c r="AC63" i="5"/>
  <c r="U63" i="5"/>
  <c r="AU70" i="5"/>
  <c r="AM70" i="5"/>
  <c r="AE70" i="5"/>
  <c r="W70" i="5"/>
  <c r="AT69" i="5"/>
  <c r="AL69" i="5"/>
  <c r="AD69" i="5"/>
  <c r="V69" i="5"/>
  <c r="AS68" i="5"/>
  <c r="AK68" i="5"/>
  <c r="AC68" i="5"/>
  <c r="U68" i="5"/>
  <c r="AR67" i="5"/>
  <c r="AJ67" i="5"/>
  <c r="AB67" i="5"/>
  <c r="T67" i="5"/>
  <c r="AR63" i="5"/>
  <c r="AJ63" i="5"/>
  <c r="AB63" i="5"/>
  <c r="T63" i="5"/>
  <c r="AT70" i="5"/>
  <c r="AL70" i="5"/>
  <c r="AD70" i="5"/>
  <c r="V70" i="5"/>
  <c r="AS69" i="5"/>
  <c r="AK69" i="5"/>
  <c r="AC69" i="5"/>
  <c r="U69" i="5"/>
  <c r="AR68" i="5"/>
  <c r="AJ68" i="5"/>
  <c r="AB68" i="5"/>
  <c r="T68" i="5"/>
  <c r="AQ67" i="5"/>
  <c r="AI67" i="5"/>
  <c r="AA67" i="5"/>
  <c r="S67" i="5"/>
  <c r="AQ63" i="5"/>
  <c r="AI63" i="5"/>
  <c r="AA63" i="5"/>
  <c r="AS70" i="5"/>
  <c r="AK70" i="5"/>
  <c r="AC70" i="5"/>
  <c r="U70" i="5"/>
  <c r="AR69" i="5"/>
  <c r="AJ69" i="5"/>
  <c r="AB69" i="5"/>
  <c r="T69" i="5"/>
  <c r="AQ68" i="5"/>
  <c r="AI68" i="5"/>
  <c r="AA68" i="5"/>
  <c r="S68" i="5"/>
  <c r="AP67" i="5"/>
  <c r="AH67" i="5"/>
  <c r="Z67" i="5"/>
  <c r="AX63" i="5"/>
  <c r="AZ63" i="5" s="1"/>
  <c r="AP63" i="5"/>
  <c r="AH63" i="5"/>
  <c r="Z63" i="5"/>
  <c r="AQ62" i="5"/>
  <c r="AI62" i="5"/>
  <c r="AA62" i="5"/>
  <c r="S62" i="5"/>
  <c r="AR70" i="5"/>
  <c r="AJ70" i="5"/>
  <c r="AB70" i="5"/>
  <c r="T70" i="5"/>
  <c r="AQ69" i="5"/>
  <c r="AI69" i="5"/>
  <c r="AA69" i="5"/>
  <c r="S69" i="5"/>
  <c r="AP68" i="5"/>
  <c r="AH68" i="5"/>
  <c r="Z68" i="5"/>
  <c r="AW67" i="5"/>
  <c r="AO67" i="5"/>
  <c r="AG67" i="5"/>
  <c r="Y67" i="5"/>
  <c r="AW63" i="5"/>
  <c r="AO63" i="5"/>
  <c r="AG63" i="5"/>
  <c r="Y63" i="5"/>
  <c r="AX62" i="5"/>
  <c r="AZ62" i="5" s="1"/>
  <c r="AP62" i="5"/>
  <c r="AH62" i="5"/>
  <c r="Z62" i="5"/>
  <c r="AQ70" i="5"/>
  <c r="AI70" i="5"/>
  <c r="AA70" i="5"/>
  <c r="S70" i="5"/>
  <c r="AP69" i="5"/>
  <c r="AH69" i="5"/>
  <c r="Z69" i="5"/>
  <c r="AW68" i="5"/>
  <c r="AO68" i="5"/>
  <c r="AG68" i="5"/>
  <c r="Y68" i="5"/>
  <c r="AV67" i="5"/>
  <c r="AN67" i="5"/>
  <c r="AF67" i="5"/>
  <c r="X67" i="5"/>
  <c r="AV63" i="5"/>
  <c r="AN63" i="5"/>
  <c r="AF63" i="5"/>
  <c r="X63" i="5"/>
  <c r="AP70" i="5"/>
  <c r="AH70" i="5"/>
  <c r="Z70" i="5"/>
  <c r="AW69" i="5"/>
  <c r="AO69" i="5"/>
  <c r="AG69" i="5"/>
  <c r="Y69" i="5"/>
  <c r="AV68" i="5"/>
  <c r="AN68" i="5"/>
  <c r="AF68" i="5"/>
  <c r="X68" i="5"/>
  <c r="AU67" i="5"/>
  <c r="AM67" i="5"/>
  <c r="AE67" i="5"/>
  <c r="W67" i="5"/>
  <c r="AU63" i="5"/>
  <c r="AM63" i="5"/>
  <c r="AE63" i="5"/>
  <c r="W63" i="5"/>
  <c r="AV62" i="5"/>
  <c r="AW70" i="5"/>
  <c r="AO70" i="5"/>
  <c r="AG70" i="5"/>
  <c r="Y70" i="5"/>
  <c r="AV69" i="5"/>
  <c r="AN69" i="5"/>
  <c r="AF69" i="5"/>
  <c r="X69" i="5"/>
  <c r="AU68" i="5"/>
  <c r="AM68" i="5"/>
  <c r="AE68" i="5"/>
  <c r="W68" i="5"/>
  <c r="AT67" i="5"/>
  <c r="AL67" i="5"/>
  <c r="AD67" i="5"/>
  <c r="V67" i="5"/>
  <c r="AT63" i="5"/>
  <c r="AL63" i="5"/>
  <c r="AD63" i="5"/>
  <c r="V63" i="5"/>
  <c r="AU62" i="5"/>
  <c r="AM62" i="5"/>
  <c r="T62" i="5"/>
  <c r="AD62" i="5"/>
  <c r="AO62" i="5"/>
  <c r="AX44" i="5"/>
  <c r="AZ44" i="5" s="1"/>
  <c r="U62" i="5"/>
  <c r="AE62" i="5"/>
  <c r="AR62" i="5"/>
  <c r="AX26" i="5"/>
  <c r="AZ26" i="5" s="1"/>
  <c r="V62" i="5"/>
  <c r="AF62" i="5"/>
  <c r="AS62" i="5"/>
  <c r="AX56" i="5"/>
  <c r="AZ56" i="5" s="1"/>
  <c r="W62" i="5"/>
  <c r="AG62" i="5"/>
  <c r="AT62" i="5"/>
  <c r="S20" i="5"/>
  <c r="S21" i="5" s="1"/>
  <c r="AA20" i="5"/>
  <c r="AA21" i="5" s="1"/>
  <c r="AI20" i="5"/>
  <c r="AI21" i="5" s="1"/>
  <c r="AQ20" i="5"/>
  <c r="AQ21" i="5" s="1"/>
  <c r="T20" i="5"/>
  <c r="T21" i="5" s="1"/>
  <c r="AB20" i="5"/>
  <c r="AB21" i="5" s="1"/>
  <c r="AJ20" i="5"/>
  <c r="AJ21" i="5" s="1"/>
</calcChain>
</file>

<file path=xl/sharedStrings.xml><?xml version="1.0" encoding="utf-8"?>
<sst xmlns="http://schemas.openxmlformats.org/spreadsheetml/2006/main" count="1076" uniqueCount="297">
  <si>
    <t>（標準様式１）</t>
    <rPh sb="1" eb="3">
      <t>ヒョウジュン</t>
    </rPh>
    <rPh sb="3" eb="5">
      <t>ヨウシキ</t>
    </rPh>
    <phoneticPr fontId="4"/>
  </si>
  <si>
    <t>従業者の勤務の体制及び勤務形態一覧表</t>
    <phoneticPr fontId="3"/>
  </si>
  <si>
    <t>サービス種別</t>
    <rPh sb="4" eb="6">
      <t>シュベツ</t>
    </rPh>
    <phoneticPr fontId="3"/>
  </si>
  <si>
    <t>(</t>
    <phoneticPr fontId="3"/>
  </si>
  <si>
    <t>介護予防訪問介護相当サービス</t>
    <rPh sb="0" eb="2">
      <t>カイゴ</t>
    </rPh>
    <rPh sb="2" eb="4">
      <t>ヨボウ</t>
    </rPh>
    <rPh sb="4" eb="6">
      <t>ホウモン</t>
    </rPh>
    <rPh sb="6" eb="8">
      <t>カイゴ</t>
    </rPh>
    <rPh sb="8" eb="10">
      <t>ソウトウ</t>
    </rPh>
    <phoneticPr fontId="3"/>
  </si>
  <si>
    <t>）</t>
    <phoneticPr fontId="3"/>
  </si>
  <si>
    <t>令和</t>
    <rPh sb="0" eb="2">
      <t>レイワ</t>
    </rPh>
    <phoneticPr fontId="3"/>
  </si>
  <si>
    <t>)</t>
    <phoneticPr fontId="3"/>
  </si>
  <si>
    <t>年</t>
    <rPh sb="0" eb="1">
      <t>ネン</t>
    </rPh>
    <phoneticPr fontId="3"/>
  </si>
  <si>
    <t>月</t>
    <rPh sb="0" eb="1">
      <t>ゲツ</t>
    </rPh>
    <phoneticPr fontId="3"/>
  </si>
  <si>
    <t>事業所名</t>
    <rPh sb="0" eb="3">
      <t>ジギョウショ</t>
    </rPh>
    <rPh sb="3" eb="4">
      <t>メイ</t>
    </rPh>
    <phoneticPr fontId="3"/>
  </si>
  <si>
    <t>(1)</t>
    <phoneticPr fontId="3"/>
  </si>
  <si>
    <t>４週</t>
  </si>
  <si>
    <t>(2)</t>
    <phoneticPr fontId="3"/>
  </si>
  <si>
    <t>予定</t>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3"/>
  </si>
  <si>
    <t>時間/週</t>
    <rPh sb="0" eb="2">
      <t>ジカン</t>
    </rPh>
    <rPh sb="3" eb="4">
      <t>シュウ</t>
    </rPh>
    <phoneticPr fontId="3"/>
  </si>
  <si>
    <t>時間/月</t>
    <rPh sb="0" eb="2">
      <t>ジカン</t>
    </rPh>
    <rPh sb="3" eb="4">
      <t>ツキ</t>
    </rPh>
    <phoneticPr fontId="3"/>
  </si>
  <si>
    <t>当月の日数</t>
    <rPh sb="0" eb="2">
      <t>トウゲツ</t>
    </rPh>
    <rPh sb="3" eb="5">
      <t>ニッスウ</t>
    </rPh>
    <phoneticPr fontId="3"/>
  </si>
  <si>
    <t>日</t>
    <rPh sb="0" eb="1">
      <t>ニチ</t>
    </rPh>
    <phoneticPr fontId="3"/>
  </si>
  <si>
    <t>No</t>
    <phoneticPr fontId="3"/>
  </si>
  <si>
    <t>(4) 
職種</t>
    <phoneticPr fontId="4"/>
  </si>
  <si>
    <t>(5)
勤務
形態</t>
    <phoneticPr fontId="4"/>
  </si>
  <si>
    <t>(6)
資格</t>
    <rPh sb="4" eb="6">
      <t>シカク</t>
    </rPh>
    <phoneticPr fontId="3"/>
  </si>
  <si>
    <t>(7) 氏　名</t>
    <phoneticPr fontId="4"/>
  </si>
  <si>
    <t>(8)</t>
    <phoneticPr fontId="3"/>
  </si>
  <si>
    <r>
      <t xml:space="preserve">(10)
</t>
    </r>
    <r>
      <rPr>
        <sz val="11"/>
        <rFont val="HGSｺﾞｼｯｸM"/>
        <family val="3"/>
        <charset val="128"/>
      </rPr>
      <t>週平均
勤務時間数</t>
    </r>
    <rPh sb="6" eb="8">
      <t>ヘイキン</t>
    </rPh>
    <rPh sb="9" eb="11">
      <t>キンム</t>
    </rPh>
    <rPh sb="11" eb="13">
      <t>ジカン</t>
    </rPh>
    <rPh sb="13" eb="14">
      <t>スウ</t>
    </rPh>
    <phoneticPr fontId="4"/>
  </si>
  <si>
    <t>(11)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4"/>
  </si>
  <si>
    <t>1週目</t>
    <rPh sb="1" eb="2">
      <t>シュウ</t>
    </rPh>
    <rPh sb="2" eb="3">
      <t>メ</t>
    </rPh>
    <phoneticPr fontId="3"/>
  </si>
  <si>
    <t>2週目</t>
    <rPh sb="1" eb="2">
      <t>シュウ</t>
    </rPh>
    <rPh sb="2" eb="3">
      <t>メ</t>
    </rPh>
    <phoneticPr fontId="3"/>
  </si>
  <si>
    <t>3週目</t>
    <rPh sb="1" eb="2">
      <t>シュウ</t>
    </rPh>
    <rPh sb="2" eb="3">
      <t>メ</t>
    </rPh>
    <phoneticPr fontId="3"/>
  </si>
  <si>
    <t>4週目</t>
    <rPh sb="1" eb="2">
      <t>シュウ</t>
    </rPh>
    <rPh sb="2" eb="3">
      <t>メ</t>
    </rPh>
    <phoneticPr fontId="3"/>
  </si>
  <si>
    <t>5週目</t>
    <rPh sb="1" eb="2">
      <t>シュウ</t>
    </rPh>
    <rPh sb="2" eb="3">
      <t>メ</t>
    </rPh>
    <phoneticPr fontId="3"/>
  </si>
  <si>
    <t>※介護予防訪問介護相当サービスの場合</t>
    <rPh sb="16" eb="18">
      <t>バアイ</t>
    </rPh>
    <phoneticPr fontId="3"/>
  </si>
  <si>
    <t>(12)サービス提供責任者の配置基準（前３か月の利用者数）</t>
    <rPh sb="8" eb="10">
      <t>テイキョウ</t>
    </rPh>
    <rPh sb="10" eb="13">
      <t>セキニンシャ</t>
    </rPh>
    <rPh sb="14" eb="16">
      <t>ハイチ</t>
    </rPh>
    <rPh sb="16" eb="18">
      <t>キジュン</t>
    </rPh>
    <rPh sb="19" eb="20">
      <t>ゼン</t>
    </rPh>
    <rPh sb="22" eb="23">
      <t>ゲツ</t>
    </rPh>
    <rPh sb="24" eb="27">
      <t>リヨウシャ</t>
    </rPh>
    <rPh sb="27" eb="28">
      <t>スウ</t>
    </rPh>
    <phoneticPr fontId="3"/>
  </si>
  <si>
    <t>(13)【任意入力】人員基準の確認（訪問介護員）</t>
    <rPh sb="5" eb="7">
      <t>ニンイ</t>
    </rPh>
    <rPh sb="7" eb="9">
      <t>ニュウリョク</t>
    </rPh>
    <rPh sb="10" eb="12">
      <t>ジンイン</t>
    </rPh>
    <rPh sb="12" eb="14">
      <t>キジュン</t>
    </rPh>
    <rPh sb="15" eb="17">
      <t>カクニン</t>
    </rPh>
    <rPh sb="18" eb="20">
      <t>ホウモン</t>
    </rPh>
    <rPh sb="20" eb="23">
      <t>カイゴイン</t>
    </rPh>
    <phoneticPr fontId="3"/>
  </si>
  <si>
    <t>（勤務形態の記号）</t>
    <rPh sb="1" eb="3">
      <t>キンム</t>
    </rPh>
    <rPh sb="3" eb="5">
      <t>ケイタイ</t>
    </rPh>
    <rPh sb="6" eb="8">
      <t>キゴウ</t>
    </rPh>
    <phoneticPr fontId="3"/>
  </si>
  <si>
    <t>(新規申請の場合は推定数）</t>
    <rPh sb="1" eb="3">
      <t>シンキ</t>
    </rPh>
    <rPh sb="3" eb="5">
      <t>シンセイ</t>
    </rPh>
    <rPh sb="6" eb="8">
      <t>バアイ</t>
    </rPh>
    <rPh sb="9" eb="12">
      <t>スイテイスウ</t>
    </rPh>
    <phoneticPr fontId="3"/>
  </si>
  <si>
    <t>（人）</t>
    <rPh sb="1" eb="2">
      <t>ニン</t>
    </rPh>
    <phoneticPr fontId="3"/>
  </si>
  <si>
    <t>勤務形態</t>
    <rPh sb="0" eb="2">
      <t>キンム</t>
    </rPh>
    <rPh sb="2" eb="4">
      <t>ケイタイ</t>
    </rPh>
    <phoneticPr fontId="3"/>
  </si>
  <si>
    <t>勤務時間数合計</t>
    <rPh sb="0" eb="2">
      <t>キンム</t>
    </rPh>
    <rPh sb="2" eb="5">
      <t>ジカンスウ</t>
    </rPh>
    <rPh sb="5" eb="7">
      <t>ゴウケイ</t>
    </rPh>
    <phoneticPr fontId="3"/>
  </si>
  <si>
    <t>常勤換算の対象時間数</t>
    <rPh sb="0" eb="2">
      <t>ジョウキン</t>
    </rPh>
    <rPh sb="2" eb="4">
      <t>カンサン</t>
    </rPh>
    <rPh sb="5" eb="7">
      <t>タイショウ</t>
    </rPh>
    <rPh sb="7" eb="9">
      <t>ジカン</t>
    </rPh>
    <rPh sb="9" eb="10">
      <t>スウ</t>
    </rPh>
    <phoneticPr fontId="3"/>
  </si>
  <si>
    <t>常勤換算方法対象外の</t>
    <rPh sb="0" eb="2">
      <t>ジョウキン</t>
    </rPh>
    <rPh sb="2" eb="4">
      <t>カンサン</t>
    </rPh>
    <rPh sb="4" eb="6">
      <t>ホウホウ</t>
    </rPh>
    <rPh sb="6" eb="9">
      <t>タイショウガイ</t>
    </rPh>
    <phoneticPr fontId="3"/>
  </si>
  <si>
    <t>記号</t>
    <rPh sb="0" eb="2">
      <t>キゴウ</t>
    </rPh>
    <phoneticPr fontId="3"/>
  </si>
  <si>
    <t>区分</t>
    <rPh sb="0" eb="2">
      <t>クブン</t>
    </rPh>
    <phoneticPr fontId="3"/>
  </si>
  <si>
    <t>合計</t>
    <rPh sb="0" eb="2">
      <t>ゴウケイ</t>
    </rPh>
    <phoneticPr fontId="3"/>
  </si>
  <si>
    <t>当月合計</t>
    <rPh sb="0" eb="2">
      <t>トウゲツ</t>
    </rPh>
    <rPh sb="2" eb="4">
      <t>ゴウケイ</t>
    </rPh>
    <phoneticPr fontId="3"/>
  </si>
  <si>
    <t>週平均</t>
    <rPh sb="0" eb="3">
      <t>シュウヘイキン</t>
    </rPh>
    <phoneticPr fontId="3"/>
  </si>
  <si>
    <t>常勤の従業者の人数</t>
    <rPh sb="0" eb="2">
      <t>ジョウキン</t>
    </rPh>
    <rPh sb="3" eb="6">
      <t>ジュウギョウシャ</t>
    </rPh>
    <rPh sb="7" eb="9">
      <t>ニンズウ</t>
    </rPh>
    <phoneticPr fontId="3"/>
  </si>
  <si>
    <t>A</t>
    <phoneticPr fontId="3"/>
  </si>
  <si>
    <t>常勤で専従</t>
    <rPh sb="0" eb="2">
      <t>ジョウキン</t>
    </rPh>
    <rPh sb="3" eb="5">
      <t>センジュウ</t>
    </rPh>
    <phoneticPr fontId="3"/>
  </si>
  <si>
    <t>要介護者</t>
    <rPh sb="0" eb="1">
      <t>ヨウ</t>
    </rPh>
    <rPh sb="1" eb="3">
      <t>カイゴ</t>
    </rPh>
    <rPh sb="3" eb="4">
      <t>シャ</t>
    </rPh>
    <phoneticPr fontId="3"/>
  </si>
  <si>
    <t>B</t>
    <phoneticPr fontId="3"/>
  </si>
  <si>
    <t>常勤で兼務</t>
    <rPh sb="0" eb="2">
      <t>ジョウキン</t>
    </rPh>
    <rPh sb="3" eb="5">
      <t>ケンム</t>
    </rPh>
    <phoneticPr fontId="3"/>
  </si>
  <si>
    <t>要支援者等</t>
    <rPh sb="0" eb="3">
      <t>ヨウシエン</t>
    </rPh>
    <rPh sb="3" eb="4">
      <t>シャ</t>
    </rPh>
    <rPh sb="4" eb="5">
      <t>トウ</t>
    </rPh>
    <phoneticPr fontId="3"/>
  </si>
  <si>
    <t>C</t>
    <phoneticPr fontId="3"/>
  </si>
  <si>
    <t>非常勤で専従</t>
    <rPh sb="0" eb="3">
      <t>ヒジョウキン</t>
    </rPh>
    <rPh sb="4" eb="6">
      <t>センジュウ</t>
    </rPh>
    <phoneticPr fontId="3"/>
  </si>
  <si>
    <t>-</t>
    <phoneticPr fontId="3"/>
  </si>
  <si>
    <t>D</t>
    <phoneticPr fontId="3"/>
  </si>
  <si>
    <t>非常勤で兼務</t>
    <rPh sb="0" eb="3">
      <t>ヒジョウキン</t>
    </rPh>
    <rPh sb="4" eb="6">
      <t>ケンム</t>
    </rPh>
    <phoneticPr fontId="3"/>
  </si>
  <si>
    <t>（平均利用者数）</t>
    <rPh sb="1" eb="3">
      <t>ヘイキン</t>
    </rPh>
    <rPh sb="3" eb="6">
      <t>リヨウシャ</t>
    </rPh>
    <rPh sb="6" eb="7">
      <t>スウ</t>
    </rPh>
    <phoneticPr fontId="3"/>
  </si>
  <si>
    <t>■ 常勤換算方法による人数</t>
    <rPh sb="2" eb="4">
      <t>ジョウキン</t>
    </rPh>
    <rPh sb="4" eb="6">
      <t>カンサン</t>
    </rPh>
    <rPh sb="6" eb="8">
      <t>ホウホウ</t>
    </rPh>
    <rPh sb="11" eb="13">
      <t>ニンズウ</t>
    </rPh>
    <phoneticPr fontId="3"/>
  </si>
  <si>
    <t>基準：</t>
    <rPh sb="0" eb="2">
      <t>キジュン</t>
    </rPh>
    <phoneticPr fontId="3"/>
  </si>
  <si>
    <t>週</t>
  </si>
  <si>
    <t>サービス提供責任者</t>
    <phoneticPr fontId="3"/>
  </si>
  <si>
    <t>常勤換算の</t>
    <rPh sb="0" eb="2">
      <t>ジョウキン</t>
    </rPh>
    <rPh sb="2" eb="4">
      <t>カンサン</t>
    </rPh>
    <phoneticPr fontId="3"/>
  </si>
  <si>
    <t>常勤の従業者が</t>
    <rPh sb="0" eb="2">
      <t>ジョウキン</t>
    </rPh>
    <rPh sb="3" eb="6">
      <t>ジュウギョウシャ</t>
    </rPh>
    <phoneticPr fontId="3"/>
  </si>
  <si>
    <t>平均利用者数</t>
    <rPh sb="0" eb="2">
      <t>ヘイキン</t>
    </rPh>
    <rPh sb="2" eb="5">
      <t>リヨウシャ</t>
    </rPh>
    <rPh sb="5" eb="6">
      <t>スウ</t>
    </rPh>
    <phoneticPr fontId="3"/>
  </si>
  <si>
    <t>（※）</t>
    <phoneticPr fontId="3"/>
  </si>
  <si>
    <t>の必要配置人数</t>
    <rPh sb="1" eb="3">
      <t>ヒツヨウ</t>
    </rPh>
    <rPh sb="3" eb="5">
      <t>ハイチ</t>
    </rPh>
    <rPh sb="5" eb="7">
      <t>ニンズウ</t>
    </rPh>
    <phoneticPr fontId="3"/>
  </si>
  <si>
    <t>常勤換算後の人数</t>
    <rPh sb="0" eb="2">
      <t>ジョウキン</t>
    </rPh>
    <rPh sb="2" eb="4">
      <t>カンサン</t>
    </rPh>
    <rPh sb="4" eb="5">
      <t>ゴ</t>
    </rPh>
    <rPh sb="6" eb="8">
      <t>ニンズウ</t>
    </rPh>
    <phoneticPr fontId="3"/>
  </si>
  <si>
    <t>÷</t>
    <phoneticPr fontId="3"/>
  </si>
  <si>
    <t>＝</t>
    <phoneticPr fontId="3"/>
  </si>
  <si>
    <t>⇒</t>
    <phoneticPr fontId="3"/>
  </si>
  <si>
    <t>（小数点第1位に切り上げ）</t>
    <rPh sb="1" eb="4">
      <t>ショウスウテン</t>
    </rPh>
    <rPh sb="4" eb="5">
      <t>ダイ</t>
    </rPh>
    <rPh sb="6" eb="7">
      <t>イ</t>
    </rPh>
    <rPh sb="8" eb="9">
      <t>キ</t>
    </rPh>
    <rPh sb="10" eb="11">
      <t>ア</t>
    </rPh>
    <phoneticPr fontId="3"/>
  </si>
  <si>
    <t>（小数点第2位以下切り捨て）</t>
    <rPh sb="1" eb="4">
      <t>ショウスウテン</t>
    </rPh>
    <rPh sb="4" eb="5">
      <t>ダイ</t>
    </rPh>
    <rPh sb="6" eb="7">
      <t>イ</t>
    </rPh>
    <rPh sb="7" eb="9">
      <t>イカ</t>
    </rPh>
    <rPh sb="9" eb="10">
      <t>キ</t>
    </rPh>
    <rPh sb="11" eb="12">
      <t>ス</t>
    </rPh>
    <phoneticPr fontId="3"/>
  </si>
  <si>
    <t>（※）以下の要件を全て満たす場合、利用者の数が50人または</t>
    <rPh sb="3" eb="5">
      <t>イカ</t>
    </rPh>
    <rPh sb="6" eb="8">
      <t>ヨウケン</t>
    </rPh>
    <rPh sb="9" eb="10">
      <t>スベ</t>
    </rPh>
    <rPh sb="11" eb="12">
      <t>ミ</t>
    </rPh>
    <rPh sb="14" eb="16">
      <t>バアイ</t>
    </rPh>
    <rPh sb="17" eb="20">
      <t>リヨウシャ</t>
    </rPh>
    <rPh sb="21" eb="22">
      <t>カズ</t>
    </rPh>
    <rPh sb="25" eb="26">
      <t>ニン</t>
    </rPh>
    <phoneticPr fontId="3"/>
  </si>
  <si>
    <t>■ 訪問介護員等の常勤換算方法による人数</t>
    <rPh sb="2" eb="4">
      <t>ホウモン</t>
    </rPh>
    <rPh sb="4" eb="7">
      <t>カイゴイン</t>
    </rPh>
    <rPh sb="7" eb="8">
      <t>トウ</t>
    </rPh>
    <rPh sb="9" eb="11">
      <t>ジョウキン</t>
    </rPh>
    <rPh sb="11" eb="13">
      <t>カンサン</t>
    </rPh>
    <rPh sb="13" eb="15">
      <t>ホウホウ</t>
    </rPh>
    <rPh sb="18" eb="20">
      <t>ニンズウ</t>
    </rPh>
    <phoneticPr fontId="3"/>
  </si>
  <si>
    <t>その端数を増すごとに１人以上で可</t>
  </si>
  <si>
    <t>　　・常勤のサービス提供責任者を３人以上配置</t>
    <rPh sb="3" eb="5">
      <t>ジョウキン</t>
    </rPh>
    <rPh sb="10" eb="12">
      <t>テイキョウ</t>
    </rPh>
    <rPh sb="12" eb="15">
      <t>セキニンシャ</t>
    </rPh>
    <rPh sb="17" eb="18">
      <t>ニン</t>
    </rPh>
    <rPh sb="18" eb="20">
      <t>イジョウ</t>
    </rPh>
    <rPh sb="20" eb="22">
      <t>ハイチ</t>
    </rPh>
    <phoneticPr fontId="3"/>
  </si>
  <si>
    <t>常勤の従業者の人数</t>
  </si>
  <si>
    <t>常勤換算方法による人数</t>
    <rPh sb="0" eb="2">
      <t>ジョウキン</t>
    </rPh>
    <rPh sb="2" eb="4">
      <t>カンサン</t>
    </rPh>
    <rPh sb="4" eb="6">
      <t>ホウホウ</t>
    </rPh>
    <rPh sb="9" eb="11">
      <t>ニンズウ</t>
    </rPh>
    <phoneticPr fontId="3"/>
  </si>
  <si>
    <t>　　・サービス提供責任者の業務に主として従事する者を1人以上配置</t>
    <rPh sb="7" eb="9">
      <t>テイキョウ</t>
    </rPh>
    <rPh sb="9" eb="12">
      <t>セキニンシャ</t>
    </rPh>
    <rPh sb="13" eb="15">
      <t>ギョウム</t>
    </rPh>
    <rPh sb="16" eb="17">
      <t>オモ</t>
    </rPh>
    <rPh sb="20" eb="22">
      <t>ジュウジ</t>
    </rPh>
    <rPh sb="24" eb="25">
      <t>モノ</t>
    </rPh>
    <rPh sb="27" eb="28">
      <t>ニン</t>
    </rPh>
    <rPh sb="28" eb="30">
      <t>イジョウ</t>
    </rPh>
    <rPh sb="30" eb="32">
      <t>ハイチ</t>
    </rPh>
    <phoneticPr fontId="3"/>
  </si>
  <si>
    <t>＋</t>
    <phoneticPr fontId="3"/>
  </si>
  <si>
    <t>　　・サービス提供責任者が行う業務が効率的に行われている</t>
    <rPh sb="7" eb="9">
      <t>テイキョウ</t>
    </rPh>
    <rPh sb="9" eb="12">
      <t>セキニンシャ</t>
    </rPh>
    <rPh sb="13" eb="14">
      <t>オコナ</t>
    </rPh>
    <rPh sb="15" eb="17">
      <t>ギョウム</t>
    </rPh>
    <rPh sb="18" eb="21">
      <t>コウリツテキ</t>
    </rPh>
    <rPh sb="22" eb="23">
      <t>オコナ</t>
    </rPh>
    <phoneticPr fontId="3"/>
  </si>
  <si>
    <t>≪提出不要≫</t>
    <rPh sb="1" eb="3">
      <t>テイシュツ</t>
    </rPh>
    <rPh sb="3" eb="5">
      <t>フヨウ</t>
    </rPh>
    <phoneticPr fontId="3"/>
  </si>
  <si>
    <t>従業者の勤務の体制及び勤務形態一覧表　記入方法　（訪問型サービス）</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ホウモン</t>
    </rPh>
    <rPh sb="27" eb="28">
      <t>ガタ</t>
    </rPh>
    <phoneticPr fontId="4"/>
  </si>
  <si>
    <t>・・・直接入力する必要がある箇所です。</t>
    <rPh sb="3" eb="5">
      <t>チョクセツ</t>
    </rPh>
    <rPh sb="5" eb="7">
      <t>ニュウリョク</t>
    </rPh>
    <rPh sb="9" eb="11">
      <t>ヒツヨウ</t>
    </rPh>
    <rPh sb="14" eb="16">
      <t>カショ</t>
    </rPh>
    <phoneticPr fontId="3"/>
  </si>
  <si>
    <t>下記の記入方法に従って、入力してください。</t>
    <rPh sb="0" eb="2">
      <t>カキ</t>
    </rPh>
    <rPh sb="3" eb="5">
      <t>キニュウ</t>
    </rPh>
    <rPh sb="5" eb="7">
      <t>ホウホウ</t>
    </rPh>
    <rPh sb="8" eb="9">
      <t>シタガ</t>
    </rPh>
    <rPh sb="12" eb="14">
      <t>ニュウリョク</t>
    </rPh>
    <phoneticPr fontId="3"/>
  </si>
  <si>
    <t>・・・プルダウンから選択して入力する必要がある箇所です。</t>
    <rPh sb="10" eb="12">
      <t>センタク</t>
    </rPh>
    <rPh sb="14" eb="16">
      <t>ニュウリョク</t>
    </rPh>
    <rPh sb="18" eb="20">
      <t>ヒツヨウ</t>
    </rPh>
    <rPh sb="23" eb="25">
      <t>カショ</t>
    </rPh>
    <phoneticPr fontId="3"/>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3"/>
  </si>
  <si>
    <t>　(1) 「４週」・「暦月」のいずれかを選択してください。</t>
    <rPh sb="7" eb="8">
      <t>シュウ</t>
    </rPh>
    <rPh sb="11" eb="12">
      <t>レキ</t>
    </rPh>
    <rPh sb="12" eb="13">
      <t>ツキ</t>
    </rPh>
    <rPh sb="20" eb="22">
      <t>センタク</t>
    </rPh>
    <phoneticPr fontId="3"/>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3"/>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3"/>
  </si>
  <si>
    <t>　(4)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rPh sb="45" eb="47">
      <t>チョクセツ</t>
    </rPh>
    <rPh sb="47" eb="49">
      <t>ニュウリョク</t>
    </rPh>
    <rPh sb="50" eb="52">
      <t>カノウ</t>
    </rPh>
    <phoneticPr fontId="3"/>
  </si>
  <si>
    <t xml:space="preserve"> 　　 記入の順序は、職種ごとにまとめてください。</t>
    <rPh sb="4" eb="6">
      <t>キニュウ</t>
    </rPh>
    <rPh sb="7" eb="9">
      <t>ジュンジョ</t>
    </rPh>
    <rPh sb="11" eb="13">
      <t>ショクシュ</t>
    </rPh>
    <phoneticPr fontId="3"/>
  </si>
  <si>
    <t>職種名</t>
    <rPh sb="0" eb="2">
      <t>ショクシュ</t>
    </rPh>
    <rPh sb="2" eb="3">
      <t>メイ</t>
    </rPh>
    <phoneticPr fontId="3"/>
  </si>
  <si>
    <t>管理者</t>
    <rPh sb="0" eb="3">
      <t>カンリシャ</t>
    </rPh>
    <phoneticPr fontId="3"/>
  </si>
  <si>
    <t>サービス提供責任者</t>
    <rPh sb="4" eb="6">
      <t>テイキョウ</t>
    </rPh>
    <rPh sb="6" eb="9">
      <t>セキニンシャ</t>
    </rPh>
    <phoneticPr fontId="3"/>
  </si>
  <si>
    <t>訪問介護員</t>
    <rPh sb="0" eb="2">
      <t>ホウモン</t>
    </rPh>
    <rPh sb="2" eb="4">
      <t>カイゴ</t>
    </rPh>
    <rPh sb="4" eb="5">
      <t>イン</t>
    </rPh>
    <phoneticPr fontId="3"/>
  </si>
  <si>
    <t>※介護予防訪問介護相当サービスの場合、サービス提供責任者は介護訪問員から選任しますが、この場合は「サービス提供責任者」として1行にまとめて記入してください。</t>
    <rPh sb="16" eb="18">
      <t>バアイ</t>
    </rPh>
    <rPh sb="23" eb="25">
      <t>テイキョウ</t>
    </rPh>
    <rPh sb="25" eb="28">
      <t>セキニンシャ</t>
    </rPh>
    <rPh sb="29" eb="31">
      <t>カイゴ</t>
    </rPh>
    <rPh sb="31" eb="33">
      <t>ホウモン</t>
    </rPh>
    <rPh sb="33" eb="34">
      <t>イン</t>
    </rPh>
    <rPh sb="36" eb="38">
      <t>センニン</t>
    </rPh>
    <rPh sb="45" eb="47">
      <t>バアイ</t>
    </rPh>
    <rPh sb="53" eb="55">
      <t>テイキョウ</t>
    </rPh>
    <rPh sb="55" eb="58">
      <t>セキニンシャ</t>
    </rPh>
    <rPh sb="63" eb="64">
      <t>ギョウ</t>
    </rPh>
    <rPh sb="69" eb="71">
      <t>キニュウ</t>
    </rPh>
    <phoneticPr fontId="3"/>
  </si>
  <si>
    <t>　(5)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4"/>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3"/>
  </si>
  <si>
    <t>（注）常勤・非常勤の区分について</t>
    <rPh sb="1" eb="2">
      <t>チュウ</t>
    </rPh>
    <rPh sb="3" eb="5">
      <t>ジョウキン</t>
    </rPh>
    <rPh sb="6" eb="9">
      <t>ヒジョウキン</t>
    </rPh>
    <rPh sb="10" eb="12">
      <t>クブン</t>
    </rPh>
    <phoneticPr fontId="3"/>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3"/>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3"/>
  </si>
  <si>
    <t>　(6)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3"/>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3"/>
  </si>
  <si>
    <r>
      <t xml:space="preserve">       ※選択した資格及び研修に関して、</t>
    </r>
    <r>
      <rPr>
        <b/>
        <u/>
        <sz val="12"/>
        <rFont val="HGSｺﾞｼｯｸM"/>
        <family val="3"/>
        <charset val="128"/>
      </rPr>
      <t>必要に応じて、</t>
    </r>
    <r>
      <rPr>
        <b/>
        <sz val="12"/>
        <rFont val="HGSｺﾞｼｯｸM"/>
        <family val="3"/>
        <charset val="128"/>
      </rPr>
      <t>資格証又は研修修了証等の写しを添付資料として提出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3"/>
  </si>
  <si>
    <t>　(7) 従業者の氏名を記入してください。</t>
    <rPh sb="5" eb="8">
      <t>ジュウギョウシャ</t>
    </rPh>
    <rPh sb="9" eb="11">
      <t>シメイ</t>
    </rPh>
    <rPh sb="12" eb="14">
      <t>キニュウ</t>
    </rPh>
    <phoneticPr fontId="3"/>
  </si>
  <si>
    <t>　(8) 申請する事業に係る従業者（管理者を含む。）の1ヶ月分の勤務時間を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phoneticPr fontId="3"/>
  </si>
  <si>
    <t>　　  ※ 指定基準の確認に際しては、４週分の入力で差し支えありません。</t>
    <phoneticPr fontId="3"/>
  </si>
  <si>
    <t>　(9) 従業者ごとに、合計勤務時間数が自動計算されますので、誤りがないか確認してください。</t>
    <rPh sb="5" eb="8">
      <t>ジュウギョウシャ</t>
    </rPh>
    <rPh sb="12" eb="14">
      <t>ゴウケイ</t>
    </rPh>
    <rPh sb="14" eb="16">
      <t>キンム</t>
    </rPh>
    <rPh sb="16" eb="19">
      <t>ジカンスウ</t>
    </rPh>
    <rPh sb="20" eb="22">
      <t>ジドウ</t>
    </rPh>
    <rPh sb="22" eb="24">
      <t>ケイサン</t>
    </rPh>
    <rPh sb="31" eb="32">
      <t>アヤマ</t>
    </rPh>
    <rPh sb="37" eb="39">
      <t>カクニン</t>
    </rPh>
    <phoneticPr fontId="3"/>
  </si>
  <si>
    <t xml:space="preserve"> 　　 ※ 入力することができる時間数は、当該事業所において常勤の従業者が勤務すべき勤務時間数を上限とします。</t>
    <rPh sb="6" eb="8">
      <t>ニュウリョク</t>
    </rPh>
    <rPh sb="16" eb="18">
      <t>ジカン</t>
    </rPh>
    <rPh sb="18" eb="19">
      <t>スウ</t>
    </rPh>
    <rPh sb="21" eb="23">
      <t>トウガイ</t>
    </rPh>
    <rPh sb="23" eb="26">
      <t>ジギョウショ</t>
    </rPh>
    <rPh sb="30" eb="32">
      <t>ジョウキン</t>
    </rPh>
    <rPh sb="33" eb="36">
      <t>ジュウギョウシャ</t>
    </rPh>
    <rPh sb="37" eb="39">
      <t>キンム</t>
    </rPh>
    <rPh sb="42" eb="44">
      <t>キンム</t>
    </rPh>
    <rPh sb="44" eb="46">
      <t>ジカン</t>
    </rPh>
    <rPh sb="46" eb="47">
      <t>スウ</t>
    </rPh>
    <rPh sb="48" eb="50">
      <t>ジョウゲン</t>
    </rPh>
    <phoneticPr fontId="3"/>
  </si>
  <si>
    <t>　(10)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3"/>
  </si>
  <si>
    <t>　(11) 申請する事業所以外の事業所・施設との兼務がある場合は、兼務先の事業所・施設の名称、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7" eb="49">
      <t>ケンム</t>
    </rPh>
    <rPh sb="51" eb="53">
      <t>ショクム</t>
    </rPh>
    <rPh sb="54" eb="56">
      <t>ナイヨウ</t>
    </rPh>
    <rPh sb="60" eb="62">
      <t>キニュウ</t>
    </rPh>
    <phoneticPr fontId="3"/>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3"/>
  </si>
  <si>
    <t>　　　 その他、特記事項欄としてもご活用ください。</t>
    <rPh sb="6" eb="7">
      <t>タ</t>
    </rPh>
    <rPh sb="8" eb="10">
      <t>トッキ</t>
    </rPh>
    <rPh sb="10" eb="12">
      <t>ジコウ</t>
    </rPh>
    <rPh sb="12" eb="13">
      <t>ラン</t>
    </rPh>
    <rPh sb="18" eb="20">
      <t>カツヨウ</t>
    </rPh>
    <phoneticPr fontId="4"/>
  </si>
  <si>
    <t>　(12)前3か月の利用者数をそれぞれの欄に入力してください。新規または再開の場合は、推定数とします。</t>
    <rPh sb="5" eb="6">
      <t>ゼン</t>
    </rPh>
    <rPh sb="8" eb="9">
      <t>ゲツ</t>
    </rPh>
    <rPh sb="10" eb="13">
      <t>リヨウシャ</t>
    </rPh>
    <rPh sb="13" eb="14">
      <t>スウ</t>
    </rPh>
    <rPh sb="20" eb="21">
      <t>ラン</t>
    </rPh>
    <rPh sb="22" eb="24">
      <t>ニュウリョク</t>
    </rPh>
    <rPh sb="31" eb="33">
      <t>シンキ</t>
    </rPh>
    <rPh sb="36" eb="38">
      <t>サイカイ</t>
    </rPh>
    <rPh sb="39" eb="41">
      <t>バアイ</t>
    </rPh>
    <rPh sb="43" eb="45">
      <t>スイテイ</t>
    </rPh>
    <rPh sb="45" eb="46">
      <t>スウ</t>
    </rPh>
    <phoneticPr fontId="3"/>
  </si>
  <si>
    <t>　(13)【任意入力】 訪問介護員について、各欄に該当する数字を入力し、常勤換算後の人数を算出してください。</t>
    <rPh sb="6" eb="8">
      <t>ニンイ</t>
    </rPh>
    <rPh sb="8" eb="10">
      <t>ニュウリョク</t>
    </rPh>
    <rPh sb="12" eb="14">
      <t>ホウモン</t>
    </rPh>
    <rPh sb="14" eb="16">
      <t>カイゴ</t>
    </rPh>
    <rPh sb="16" eb="17">
      <t>イン</t>
    </rPh>
    <rPh sb="22" eb="23">
      <t>カク</t>
    </rPh>
    <rPh sb="23" eb="24">
      <t>ラン</t>
    </rPh>
    <rPh sb="25" eb="27">
      <t>ガイトウ</t>
    </rPh>
    <rPh sb="29" eb="31">
      <t>スウジ</t>
    </rPh>
    <rPh sb="32" eb="34">
      <t>ニュウリョク</t>
    </rPh>
    <rPh sb="36" eb="38">
      <t>ジョウキン</t>
    </rPh>
    <rPh sb="38" eb="40">
      <t>カンサン</t>
    </rPh>
    <rPh sb="40" eb="41">
      <t>ゴ</t>
    </rPh>
    <rPh sb="42" eb="44">
      <t>ニンズウ</t>
    </rPh>
    <rPh sb="45" eb="47">
      <t>サンシュツ</t>
    </rPh>
    <phoneticPr fontId="3"/>
  </si>
  <si>
    <t>　　　　○ 常勤換算方法とは、非常勤の従業者について「事業所の従業者の勤務延時間数を当該事業所において常勤の従業者が勤務すべき時間数で除することにより、</t>
    <phoneticPr fontId="3"/>
  </si>
  <si>
    <t>　　　　　常勤の従業者の員数に換算する方法」であるため、常勤の従業者については常勤換算方法によらず、実人数で計算する。</t>
    <phoneticPr fontId="3"/>
  </si>
  <si>
    <r>
      <t>　　　　　したがって、勤務形態「</t>
    </r>
    <r>
      <rPr>
        <sz val="11"/>
        <color rgb="FF000000"/>
        <rFont val="Calibri"/>
        <family val="2"/>
      </rPr>
      <t>A</t>
    </r>
    <r>
      <rPr>
        <sz val="11"/>
        <color rgb="FF000000"/>
        <rFont val="游ゴシック"/>
        <family val="3"/>
        <charset val="128"/>
        <scheme val="minor"/>
      </rPr>
      <t>：常勤で専従」及び「</t>
    </r>
    <r>
      <rPr>
        <sz val="11"/>
        <color rgb="FF000000"/>
        <rFont val="Calibri"/>
        <family val="2"/>
      </rPr>
      <t>B</t>
    </r>
    <r>
      <rPr>
        <sz val="11"/>
        <color rgb="FF000000"/>
        <rFont val="游ゴシック"/>
        <family val="3"/>
        <charset val="128"/>
        <scheme val="minor"/>
      </rPr>
      <t>：常勤で兼務」については、実態に応じて「常勤換算の対象時間数」及び「常勤換算方法対象外の常勤の従業者の人数」を確認し、</t>
    </r>
    <phoneticPr fontId="3"/>
  </si>
  <si>
    <t>　　　　　手入力すること。</t>
    <phoneticPr fontId="3"/>
  </si>
  <si>
    <t>　　　　○ 職員が育児・介護休業法による短時間勤務制度等を利用する場合、週30時間以上の勤務で、常勤換算方法での計算にあたり、常勤の従業者が勤務すべき時間数を満たしたものとし、</t>
    <rPh sb="6" eb="8">
      <t>ショクイン</t>
    </rPh>
    <rPh sb="9" eb="11">
      <t>イクジ</t>
    </rPh>
    <rPh sb="12" eb="14">
      <t>カイゴ</t>
    </rPh>
    <rPh sb="14" eb="16">
      <t>キュウギョウ</t>
    </rPh>
    <rPh sb="16" eb="17">
      <t>ホウ</t>
    </rPh>
    <rPh sb="20" eb="23">
      <t>タンジカン</t>
    </rPh>
    <rPh sb="23" eb="25">
      <t>キンム</t>
    </rPh>
    <rPh sb="25" eb="27">
      <t>セイド</t>
    </rPh>
    <rPh sb="27" eb="28">
      <t>トウ</t>
    </rPh>
    <rPh sb="29" eb="31">
      <t>リヨウ</t>
    </rPh>
    <rPh sb="33" eb="35">
      <t>バアイ</t>
    </rPh>
    <rPh sb="36" eb="37">
      <t>シュウ</t>
    </rPh>
    <rPh sb="39" eb="41">
      <t>ジカン</t>
    </rPh>
    <rPh sb="41" eb="43">
      <t>イジョウ</t>
    </rPh>
    <rPh sb="44" eb="46">
      <t>キンム</t>
    </rPh>
    <rPh sb="48" eb="50">
      <t>ジョウキン</t>
    </rPh>
    <rPh sb="50" eb="52">
      <t>カンサン</t>
    </rPh>
    <rPh sb="52" eb="54">
      <t>ホウホウ</t>
    </rPh>
    <rPh sb="56" eb="58">
      <t>ケイサン</t>
    </rPh>
    <rPh sb="63" eb="65">
      <t>ジョウキン</t>
    </rPh>
    <rPh sb="66" eb="69">
      <t>ジュウギョウシャ</t>
    </rPh>
    <rPh sb="70" eb="72">
      <t>キンム</t>
    </rPh>
    <rPh sb="75" eb="78">
      <t>ジカンスウ</t>
    </rPh>
    <rPh sb="79" eb="80">
      <t>ミ</t>
    </rPh>
    <phoneticPr fontId="3"/>
  </si>
  <si>
    <t>　　　　　１（常勤）として取り扱うことが可能です。この場合、勤務形態の記号は「A」または「B」とし、人員基準の確認の表においては、「常勤換算方法対象外の常勤の従業者の人数」の欄に</t>
    <rPh sb="7" eb="9">
      <t>ジョウキン</t>
    </rPh>
    <rPh sb="13" eb="14">
      <t>ト</t>
    </rPh>
    <rPh sb="15" eb="16">
      <t>アツカ</t>
    </rPh>
    <rPh sb="20" eb="22">
      <t>カノウ</t>
    </rPh>
    <rPh sb="27" eb="29">
      <t>バアイ</t>
    </rPh>
    <rPh sb="30" eb="32">
      <t>キンム</t>
    </rPh>
    <rPh sb="32" eb="34">
      <t>ケイタイ</t>
    </rPh>
    <rPh sb="35" eb="37">
      <t>キゴウ</t>
    </rPh>
    <rPh sb="50" eb="52">
      <t>ジンイン</t>
    </rPh>
    <rPh sb="52" eb="54">
      <t>キジュン</t>
    </rPh>
    <rPh sb="55" eb="57">
      <t>カクニン</t>
    </rPh>
    <rPh sb="58" eb="59">
      <t>ヒョウ</t>
    </rPh>
    <rPh sb="66" eb="68">
      <t>ジョウキン</t>
    </rPh>
    <rPh sb="68" eb="70">
      <t>カンサン</t>
    </rPh>
    <rPh sb="70" eb="72">
      <t>ホウホウ</t>
    </rPh>
    <rPh sb="72" eb="75">
      <t>タイショウガイ</t>
    </rPh>
    <rPh sb="76" eb="78">
      <t>ジョウキン</t>
    </rPh>
    <rPh sb="79" eb="82">
      <t>ジュウギョウシャ</t>
    </rPh>
    <rPh sb="83" eb="85">
      <t>ニンズウ</t>
    </rPh>
    <rPh sb="87" eb="88">
      <t>ラン</t>
    </rPh>
    <phoneticPr fontId="3"/>
  </si>
  <si>
    <t>　　　　　１（人）として入力してください。また、「(11)兼務状況等」の欄に「短時間勤務制度利用」と記入してください。</t>
    <rPh sb="7" eb="8">
      <t>ニン</t>
    </rPh>
    <rPh sb="12" eb="14">
      <t>ニュウリョク</t>
    </rPh>
    <rPh sb="29" eb="31">
      <t>ケンム</t>
    </rPh>
    <rPh sb="31" eb="33">
      <t>ジョウキョウ</t>
    </rPh>
    <rPh sb="33" eb="34">
      <t>トウ</t>
    </rPh>
    <rPh sb="36" eb="37">
      <t>ラン</t>
    </rPh>
    <rPh sb="39" eb="42">
      <t>タンジカン</t>
    </rPh>
    <rPh sb="42" eb="44">
      <t>キンム</t>
    </rPh>
    <rPh sb="44" eb="46">
      <t>セイド</t>
    </rPh>
    <rPh sb="46" eb="48">
      <t>リヨウ</t>
    </rPh>
    <rPh sb="50" eb="52">
      <t>キニュウ</t>
    </rPh>
    <phoneticPr fontId="3"/>
  </si>
  <si>
    <t>≪要 提出≫</t>
    <rPh sb="1" eb="2">
      <t>ヨウ</t>
    </rPh>
    <rPh sb="3" eb="5">
      <t>テイシュツ</t>
    </rPh>
    <phoneticPr fontId="3"/>
  </si>
  <si>
    <t>■シフト記号表（勤務時間帯）</t>
    <rPh sb="4" eb="6">
      <t>キゴウ</t>
    </rPh>
    <rPh sb="6" eb="7">
      <t>ヒョウ</t>
    </rPh>
    <rPh sb="8" eb="10">
      <t>キンム</t>
    </rPh>
    <rPh sb="10" eb="13">
      <t>ジカンタイ</t>
    </rPh>
    <phoneticPr fontId="3"/>
  </si>
  <si>
    <t>※24時間表記</t>
  </si>
  <si>
    <t>休憩時間1時間は「1:00」、休憩時間45分は「00:45」と入力してください。</t>
    <phoneticPr fontId="3"/>
  </si>
  <si>
    <t>勤務時間</t>
    <rPh sb="0" eb="2">
      <t>キンム</t>
    </rPh>
    <rPh sb="2" eb="4">
      <t>ジカン</t>
    </rPh>
    <phoneticPr fontId="3"/>
  </si>
  <si>
    <t>サービス提供時間</t>
    <rPh sb="4" eb="6">
      <t>テイキョウ</t>
    </rPh>
    <rPh sb="6" eb="8">
      <t>ジカン</t>
    </rPh>
    <phoneticPr fontId="3"/>
  </si>
  <si>
    <t>サービス提供時間内の勤務時間</t>
    <rPh sb="4" eb="6">
      <t>テイキョウ</t>
    </rPh>
    <rPh sb="6" eb="8">
      <t>ジカン</t>
    </rPh>
    <rPh sb="8" eb="9">
      <t>ナイ</t>
    </rPh>
    <rPh sb="10" eb="12">
      <t>キンム</t>
    </rPh>
    <rPh sb="12" eb="14">
      <t>ジカン</t>
    </rPh>
    <phoneticPr fontId="3"/>
  </si>
  <si>
    <t>自由記載欄</t>
    <rPh sb="0" eb="2">
      <t>ジユウ</t>
    </rPh>
    <rPh sb="2" eb="4">
      <t>キサイ</t>
    </rPh>
    <rPh sb="4" eb="5">
      <t>ラン</t>
    </rPh>
    <phoneticPr fontId="3"/>
  </si>
  <si>
    <t>始業時刻</t>
    <rPh sb="0" eb="2">
      <t>シギョウ</t>
    </rPh>
    <rPh sb="2" eb="4">
      <t>ジコク</t>
    </rPh>
    <phoneticPr fontId="3"/>
  </si>
  <si>
    <t>終業時刻</t>
    <rPh sb="0" eb="2">
      <t>シュウギョウ</t>
    </rPh>
    <rPh sb="2" eb="4">
      <t>ジコク</t>
    </rPh>
    <phoneticPr fontId="3"/>
  </si>
  <si>
    <t>うち、休憩時間</t>
    <rPh sb="3" eb="5">
      <t>キュウケイ</t>
    </rPh>
    <rPh sb="5" eb="7">
      <t>ジカン</t>
    </rPh>
    <phoneticPr fontId="3"/>
  </si>
  <si>
    <t>開始時刻</t>
    <rPh sb="0" eb="2">
      <t>カイシ</t>
    </rPh>
    <rPh sb="2" eb="4">
      <t>ジコク</t>
    </rPh>
    <phoneticPr fontId="3"/>
  </si>
  <si>
    <t>終了時刻</t>
    <rPh sb="0" eb="2">
      <t>シュウリョウ</t>
    </rPh>
    <rPh sb="2" eb="4">
      <t>ジコク</t>
    </rPh>
    <phoneticPr fontId="3"/>
  </si>
  <si>
    <t>a</t>
    <phoneticPr fontId="3"/>
  </si>
  <si>
    <t>：</t>
    <phoneticPr fontId="3"/>
  </si>
  <si>
    <t>～</t>
    <phoneticPr fontId="3"/>
  </si>
  <si>
    <t>（</t>
    <phoneticPr fontId="3"/>
  </si>
  <si>
    <t>b</t>
    <phoneticPr fontId="3"/>
  </si>
  <si>
    <t>c</t>
    <phoneticPr fontId="3"/>
  </si>
  <si>
    <t>d</t>
    <phoneticPr fontId="3"/>
  </si>
  <si>
    <t>e</t>
    <phoneticPr fontId="3"/>
  </si>
  <si>
    <t>f</t>
    <phoneticPr fontId="3"/>
  </si>
  <si>
    <t>g</t>
    <phoneticPr fontId="3"/>
  </si>
  <si>
    <t>h</t>
    <phoneticPr fontId="3"/>
  </si>
  <si>
    <t>i</t>
    <phoneticPr fontId="3"/>
  </si>
  <si>
    <t>j</t>
    <phoneticPr fontId="3"/>
  </si>
  <si>
    <t>k</t>
    <phoneticPr fontId="3"/>
  </si>
  <si>
    <t>l</t>
    <phoneticPr fontId="3"/>
  </si>
  <si>
    <t>m</t>
    <phoneticPr fontId="3"/>
  </si>
  <si>
    <t>n</t>
    <phoneticPr fontId="3"/>
  </si>
  <si>
    <t>o</t>
    <phoneticPr fontId="3"/>
  </si>
  <si>
    <t>p</t>
    <phoneticPr fontId="3"/>
  </si>
  <si>
    <t>q</t>
    <phoneticPr fontId="3"/>
  </si>
  <si>
    <t>r</t>
    <phoneticPr fontId="3"/>
  </si>
  <si>
    <t>s</t>
    <phoneticPr fontId="3"/>
  </si>
  <si>
    <t>t</t>
    <phoneticPr fontId="3"/>
  </si>
  <si>
    <t>u</t>
    <phoneticPr fontId="3"/>
  </si>
  <si>
    <t>v</t>
    <phoneticPr fontId="3"/>
  </si>
  <si>
    <t>w</t>
    <phoneticPr fontId="3"/>
  </si>
  <si>
    <t>x</t>
    <phoneticPr fontId="3"/>
  </si>
  <si>
    <t>y</t>
    <phoneticPr fontId="3"/>
  </si>
  <si>
    <t>z</t>
    <phoneticPr fontId="3"/>
  </si>
  <si>
    <t>休</t>
    <rPh sb="0" eb="1">
      <t>ヤス</t>
    </rPh>
    <phoneticPr fontId="3"/>
  </si>
  <si>
    <t>休日</t>
    <rPh sb="0" eb="2">
      <t>キュウジツ</t>
    </rPh>
    <phoneticPr fontId="3"/>
  </si>
  <si>
    <t>・職種ごとの勤務時間を「○：○○～○：○○」と表記することが困難な場合は、No21～30を活用し、勤務時間数のみを入力してください。</t>
    <rPh sb="45" eb="47">
      <t>カツヨウ</t>
    </rPh>
    <phoneticPr fontId="3"/>
  </si>
  <si>
    <t>・No1～20は始業時刻・終業時刻・休憩時間等を入力すると勤務時間数が計算されますが、入力の補助を目的とするものですので、結果に誤りがないかご確認ください。</t>
    <rPh sb="8" eb="10">
      <t>シギョウ</t>
    </rPh>
    <rPh sb="10" eb="12">
      <t>ジコク</t>
    </rPh>
    <rPh sb="13" eb="15">
      <t>シュウギョウ</t>
    </rPh>
    <rPh sb="15" eb="17">
      <t>ジコク</t>
    </rPh>
    <rPh sb="18" eb="20">
      <t>キュウケイ</t>
    </rPh>
    <rPh sb="20" eb="22">
      <t>ジカン</t>
    </rPh>
    <rPh sb="22" eb="23">
      <t>トウ</t>
    </rPh>
    <rPh sb="24" eb="26">
      <t>ニュウリョク</t>
    </rPh>
    <rPh sb="29" eb="31">
      <t>キンム</t>
    </rPh>
    <rPh sb="31" eb="34">
      <t>ジカンスウ</t>
    </rPh>
    <rPh sb="35" eb="37">
      <t>ケイサン</t>
    </rPh>
    <rPh sb="43" eb="45">
      <t>ニュウリョク</t>
    </rPh>
    <rPh sb="46" eb="48">
      <t>ホジョ</t>
    </rPh>
    <rPh sb="49" eb="51">
      <t>モクテキ</t>
    </rPh>
    <rPh sb="61" eb="63">
      <t>ケッカ</t>
    </rPh>
    <rPh sb="64" eb="65">
      <t>アヤマ</t>
    </rPh>
    <rPh sb="71" eb="73">
      <t>カクニン</t>
    </rPh>
    <phoneticPr fontId="3"/>
  </si>
  <si>
    <t>・シフト記号が足りない場合は、適宜、行を追加してください。</t>
    <rPh sb="4" eb="6">
      <t>キゴウ</t>
    </rPh>
    <rPh sb="7" eb="8">
      <t>タ</t>
    </rPh>
    <rPh sb="11" eb="13">
      <t>バアイ</t>
    </rPh>
    <rPh sb="15" eb="17">
      <t>テキギ</t>
    </rPh>
    <rPh sb="18" eb="19">
      <t>ギョウ</t>
    </rPh>
    <rPh sb="20" eb="22">
      <t>ツイカ</t>
    </rPh>
    <phoneticPr fontId="3"/>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3"/>
  </si>
  <si>
    <t>・ 介護予防通所介護相当サービスにおける「確保すべき従業者の勤務延時間数」には、「最低限確保すべきとされている程度の休憩時間は含めて差し支えない」としており、</t>
    <rPh sb="2" eb="4">
      <t>カイゴ</t>
    </rPh>
    <rPh sb="4" eb="6">
      <t>ヨボウ</t>
    </rPh>
    <rPh sb="6" eb="8">
      <t>ツウショ</t>
    </rPh>
    <rPh sb="8" eb="10">
      <t>カイゴ</t>
    </rPh>
    <rPh sb="10" eb="12">
      <t>ソウトウ</t>
    </rPh>
    <rPh sb="21" eb="23">
      <t>カクホ</t>
    </rPh>
    <rPh sb="26" eb="29">
      <t>ジュウギョウシャ</t>
    </rPh>
    <rPh sb="30" eb="32">
      <t>キンム</t>
    </rPh>
    <rPh sb="32" eb="33">
      <t>ノ</t>
    </rPh>
    <rPh sb="33" eb="35">
      <t>ジカン</t>
    </rPh>
    <rPh sb="35" eb="36">
      <t>スウ</t>
    </rPh>
    <rPh sb="41" eb="44">
      <t>サイテイゲン</t>
    </rPh>
    <rPh sb="44" eb="46">
      <t>カクホ</t>
    </rPh>
    <rPh sb="55" eb="57">
      <t>テイド</t>
    </rPh>
    <rPh sb="58" eb="60">
      <t>キュウケイ</t>
    </rPh>
    <rPh sb="60" eb="62">
      <t>ジカン</t>
    </rPh>
    <rPh sb="63" eb="64">
      <t>フク</t>
    </rPh>
    <rPh sb="66" eb="67">
      <t>サ</t>
    </rPh>
    <rPh sb="68" eb="69">
      <t>ツカ</t>
    </rPh>
    <phoneticPr fontId="3"/>
  </si>
  <si>
    <t>　「サービス提供時間内の勤務時間」の計算にあたってその休憩時間を差し引く必要はないのでご留意ください。（上記「U」列）</t>
    <rPh sb="6" eb="8">
      <t>テイキョウ</t>
    </rPh>
    <rPh sb="8" eb="10">
      <t>ジカン</t>
    </rPh>
    <rPh sb="10" eb="11">
      <t>ナイ</t>
    </rPh>
    <rPh sb="12" eb="14">
      <t>キンム</t>
    </rPh>
    <rPh sb="14" eb="16">
      <t>ジカン</t>
    </rPh>
    <rPh sb="18" eb="20">
      <t>ケイサン</t>
    </rPh>
    <rPh sb="27" eb="29">
      <t>キュウケイ</t>
    </rPh>
    <rPh sb="29" eb="31">
      <t>ジカン</t>
    </rPh>
    <rPh sb="32" eb="33">
      <t>サ</t>
    </rPh>
    <rPh sb="34" eb="35">
      <t>ヒ</t>
    </rPh>
    <rPh sb="36" eb="38">
      <t>ヒツヨウ</t>
    </rPh>
    <rPh sb="44" eb="46">
      <t>リュウイ</t>
    </rPh>
    <rPh sb="52" eb="54">
      <t>ジョウキ</t>
    </rPh>
    <rPh sb="57" eb="58">
      <t>レツ</t>
    </rPh>
    <phoneticPr fontId="3"/>
  </si>
  <si>
    <t>従業者の勤務の体制及び勤務形態一覧表　</t>
  </si>
  <si>
    <t>サービス種別（</t>
    <rPh sb="4" eb="6">
      <t>シュベツ</t>
    </rPh>
    <phoneticPr fontId="3"/>
  </si>
  <si>
    <t>介護予防通所介護相当サービス</t>
    <rPh sb="0" eb="2">
      <t>カイゴ</t>
    </rPh>
    <rPh sb="2" eb="4">
      <t>ヨボウ</t>
    </rPh>
    <rPh sb="4" eb="6">
      <t>ツウショ</t>
    </rPh>
    <rPh sb="6" eb="8">
      <t>カイゴ</t>
    </rPh>
    <rPh sb="8" eb="10">
      <t>ソウトウ</t>
    </rPh>
    <phoneticPr fontId="3"/>
  </si>
  <si>
    <t>事業所名（</t>
    <rPh sb="0" eb="3">
      <t>ジギョウショ</t>
    </rPh>
    <rPh sb="3" eb="4">
      <t>メイ</t>
    </rPh>
    <phoneticPr fontId="3"/>
  </si>
  <si>
    <t>(4) 事業所全体のサービス提供単位数</t>
    <phoneticPr fontId="3"/>
  </si>
  <si>
    <t>単位</t>
    <rPh sb="0" eb="2">
      <t>タンイ</t>
    </rPh>
    <phoneticPr fontId="3"/>
  </si>
  <si>
    <t>単位目</t>
    <rPh sb="0" eb="2">
      <t>タンイ</t>
    </rPh>
    <rPh sb="2" eb="3">
      <t>メ</t>
    </rPh>
    <phoneticPr fontId="3"/>
  </si>
  <si>
    <t xml:space="preserve">(5) 当該サービス提供単位のサービス提供時間 </t>
    <rPh sb="4" eb="6">
      <t>トウガイ</t>
    </rPh>
    <rPh sb="10" eb="12">
      <t>テイキョウ</t>
    </rPh>
    <rPh sb="12" eb="14">
      <t>タンイ</t>
    </rPh>
    <rPh sb="19" eb="21">
      <t>テイキョウ</t>
    </rPh>
    <rPh sb="21" eb="23">
      <t>ジカン</t>
    </rPh>
    <phoneticPr fontId="3"/>
  </si>
  <si>
    <t>（計</t>
    <rPh sb="1" eb="2">
      <t>ケイ</t>
    </rPh>
    <phoneticPr fontId="3"/>
  </si>
  <si>
    <t>時間）</t>
    <rPh sb="0" eb="2">
      <t>ジカン</t>
    </rPh>
    <phoneticPr fontId="3"/>
  </si>
  <si>
    <t>(6) 
職種</t>
    <phoneticPr fontId="4"/>
  </si>
  <si>
    <t>(7)
勤務
形態</t>
    <phoneticPr fontId="4"/>
  </si>
  <si>
    <t>(8)
資格</t>
    <rPh sb="4" eb="6">
      <t>シカク</t>
    </rPh>
    <phoneticPr fontId="3"/>
  </si>
  <si>
    <t>(9) 氏　名</t>
    <phoneticPr fontId="4"/>
  </si>
  <si>
    <t>(10)</t>
    <phoneticPr fontId="3"/>
  </si>
  <si>
    <t>(12)
週平均
勤務時間
数</t>
    <phoneticPr fontId="3"/>
  </si>
  <si>
    <t>(13) 兼務状況
（兼務先及び兼務する
職務の内容）等</t>
    <rPh sb="5" eb="7">
      <t>ケンム</t>
    </rPh>
    <rPh sb="7" eb="9">
      <t>ジョウキョウ</t>
    </rPh>
    <rPh sb="11" eb="13">
      <t>ケンム</t>
    </rPh>
    <rPh sb="13" eb="14">
      <t>サキ</t>
    </rPh>
    <rPh sb="14" eb="15">
      <t>オヨ</t>
    </rPh>
    <rPh sb="16" eb="18">
      <t>ケンム</t>
    </rPh>
    <rPh sb="21" eb="23">
      <t>ショクム</t>
    </rPh>
    <rPh sb="24" eb="26">
      <t>ナイヨウ</t>
    </rPh>
    <rPh sb="27" eb="28">
      <t>トウ</t>
    </rPh>
    <phoneticPr fontId="4"/>
  </si>
  <si>
    <t>シフト記号</t>
    <phoneticPr fontId="3"/>
  </si>
  <si>
    <t>勤務時間数</t>
    <rPh sb="0" eb="2">
      <t>キンム</t>
    </rPh>
    <rPh sb="2" eb="4">
      <t>ジカン</t>
    </rPh>
    <rPh sb="4" eb="5">
      <t>スウ</t>
    </rPh>
    <phoneticPr fontId="3"/>
  </si>
  <si>
    <t>サービス提供時間内
の勤務時間数</t>
    <rPh sb="4" eb="6">
      <t>テイキョウ</t>
    </rPh>
    <rPh sb="6" eb="9">
      <t>ジカンナイ</t>
    </rPh>
    <rPh sb="11" eb="13">
      <t>キンム</t>
    </rPh>
    <rPh sb="13" eb="15">
      <t>ジカン</t>
    </rPh>
    <rPh sb="15" eb="16">
      <t>スウ</t>
    </rPh>
    <phoneticPr fontId="3"/>
  </si>
  <si>
    <t>(14) サービス提供時間内の勤務延時間数（生活相談員）</t>
    <rPh sb="9" eb="11">
      <t>テイキョウ</t>
    </rPh>
    <rPh sb="11" eb="13">
      <t>ジカン</t>
    </rPh>
    <rPh sb="13" eb="14">
      <t>ナイ</t>
    </rPh>
    <phoneticPr fontId="3"/>
  </si>
  <si>
    <t>(15) サービス提供時間内の勤務延時間数（介護職員）</t>
    <rPh sb="9" eb="11">
      <t>テイキョウ</t>
    </rPh>
    <rPh sb="11" eb="13">
      <t>ジカン</t>
    </rPh>
    <rPh sb="13" eb="14">
      <t>ナイ</t>
    </rPh>
    <phoneticPr fontId="3"/>
  </si>
  <si>
    <t>(16) 利用者数　　　</t>
  </si>
  <si>
    <t>(17) サービス提供時間（平均提供時間）</t>
    <rPh sb="9" eb="11">
      <t>テイキョウ</t>
    </rPh>
    <rPh sb="11" eb="13">
      <t>ジカン</t>
    </rPh>
    <rPh sb="14" eb="16">
      <t>ヘイキン</t>
    </rPh>
    <rPh sb="16" eb="18">
      <t>テイキョウ</t>
    </rPh>
    <rPh sb="18" eb="20">
      <t>ジカン</t>
    </rPh>
    <phoneticPr fontId="3"/>
  </si>
  <si>
    <t>(18) 確保すべき介護職員の勤務時間数　　　</t>
    <rPh sb="5" eb="7">
      <t>カクホ</t>
    </rPh>
    <rPh sb="10" eb="12">
      <t>カイゴ</t>
    </rPh>
    <rPh sb="12" eb="14">
      <t>ショクイン</t>
    </rPh>
    <rPh sb="15" eb="17">
      <t>キンム</t>
    </rPh>
    <rPh sb="17" eb="20">
      <t>ジカンスウ</t>
    </rPh>
    <phoneticPr fontId="3"/>
  </si>
  <si>
    <t>（参考）
(19) 1日の職種別人員内訳</t>
    <rPh sb="1" eb="3">
      <t>サンコウ</t>
    </rPh>
    <rPh sb="11" eb="12">
      <t>ニチ</t>
    </rPh>
    <rPh sb="13" eb="16">
      <t>ショクシュベツ</t>
    </rPh>
    <rPh sb="16" eb="17">
      <t>ニン</t>
    </rPh>
    <rPh sb="17" eb="18">
      <t>イン</t>
    </rPh>
    <rPh sb="18" eb="19">
      <t>ウチ</t>
    </rPh>
    <rPh sb="19" eb="20">
      <t>ヤク</t>
    </rPh>
    <phoneticPr fontId="3"/>
  </si>
  <si>
    <t>生活相談員</t>
    <rPh sb="0" eb="2">
      <t>セイカツ</t>
    </rPh>
    <rPh sb="2" eb="5">
      <t>ソウダンイン</t>
    </rPh>
    <phoneticPr fontId="3"/>
  </si>
  <si>
    <t>看護職員</t>
    <rPh sb="0" eb="2">
      <t>カンゴ</t>
    </rPh>
    <rPh sb="2" eb="4">
      <t>ショクイン</t>
    </rPh>
    <phoneticPr fontId="3"/>
  </si>
  <si>
    <t>介護職員</t>
    <rPh sb="0" eb="2">
      <t>カイゴ</t>
    </rPh>
    <rPh sb="2" eb="4">
      <t>ショクイン</t>
    </rPh>
    <phoneticPr fontId="3"/>
  </si>
  <si>
    <t>機能訓練指導員</t>
    <rPh sb="0" eb="2">
      <t>キノウ</t>
    </rPh>
    <rPh sb="2" eb="4">
      <t>クンレン</t>
    </rPh>
    <rPh sb="4" eb="7">
      <t>シドウイン</t>
    </rPh>
    <phoneticPr fontId="3"/>
  </si>
  <si>
    <t>従業者の勤務の体制及び勤務形態一覧表　記入方法　（通所型サービス）</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ツウショ</t>
    </rPh>
    <rPh sb="27" eb="28">
      <t>ガタ</t>
    </rPh>
    <phoneticPr fontId="4"/>
  </si>
  <si>
    <t>下記の記入方法に従って、入力してください。</t>
    <phoneticPr fontId="3"/>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3"/>
  </si>
  <si>
    <t>　(4) 事業所全体のサービス提供単位数及び、本シートに記入する単位目を入力してください。</t>
    <rPh sb="5" eb="8">
      <t>ジギョウショ</t>
    </rPh>
    <rPh sb="8" eb="10">
      <t>ゼンタイ</t>
    </rPh>
    <rPh sb="15" eb="17">
      <t>テイキョウ</t>
    </rPh>
    <rPh sb="17" eb="19">
      <t>タンイ</t>
    </rPh>
    <rPh sb="19" eb="20">
      <t>スウ</t>
    </rPh>
    <rPh sb="20" eb="21">
      <t>オヨ</t>
    </rPh>
    <rPh sb="23" eb="24">
      <t>ホン</t>
    </rPh>
    <rPh sb="28" eb="30">
      <t>キニュウ</t>
    </rPh>
    <rPh sb="32" eb="34">
      <t>タンイ</t>
    </rPh>
    <rPh sb="34" eb="35">
      <t>メ</t>
    </rPh>
    <rPh sb="36" eb="38">
      <t>ニュウリョク</t>
    </rPh>
    <phoneticPr fontId="3"/>
  </si>
  <si>
    <t>　(5) 当該サービス提供単位のサービス提供時間を入力してください。（送迎時間は含まれません。）</t>
    <rPh sb="5" eb="7">
      <t>トウガイ</t>
    </rPh>
    <rPh sb="11" eb="13">
      <t>テイキョウ</t>
    </rPh>
    <rPh sb="13" eb="15">
      <t>タンイ</t>
    </rPh>
    <rPh sb="20" eb="22">
      <t>テイキョウ</t>
    </rPh>
    <rPh sb="22" eb="24">
      <t>ジカン</t>
    </rPh>
    <rPh sb="25" eb="27">
      <t>ニュウリョク</t>
    </rPh>
    <rPh sb="35" eb="37">
      <t>ソウゲイ</t>
    </rPh>
    <rPh sb="37" eb="39">
      <t>ジカン</t>
    </rPh>
    <rPh sb="40" eb="41">
      <t>フク</t>
    </rPh>
    <phoneticPr fontId="3"/>
  </si>
  <si>
    <t>　(6)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3"/>
  </si>
  <si>
    <t>　(7)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4"/>
  </si>
  <si>
    <t>非常勤で兼務</t>
    <rPh sb="0" eb="1">
      <t>ヒ</t>
    </rPh>
    <rPh sb="1" eb="3">
      <t>ジョウキン</t>
    </rPh>
    <rPh sb="4" eb="6">
      <t>ケンム</t>
    </rPh>
    <phoneticPr fontId="3"/>
  </si>
  <si>
    <t>　(8)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3"/>
  </si>
  <si>
    <r>
      <t xml:space="preserve">       ※選択した資格及び研修に関して、</t>
    </r>
    <r>
      <rPr>
        <b/>
        <u/>
        <sz val="12"/>
        <rFont val="HGSｺﾞｼｯｸM"/>
        <family val="3"/>
        <charset val="128"/>
      </rPr>
      <t>必要に応じて、資格証又は研修修了証等の写しを添付資料として提出</t>
    </r>
    <r>
      <rPr>
        <b/>
        <sz val="12"/>
        <rFont val="HGSｺﾞｼｯｸM"/>
        <family val="3"/>
        <charset val="128"/>
      </rPr>
      <t>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3"/>
  </si>
  <si>
    <t>　(9) 従業者の氏名を記入してください。</t>
    <rPh sb="5" eb="8">
      <t>ジュウギョウシャ</t>
    </rPh>
    <rPh sb="9" eb="11">
      <t>シメイ</t>
    </rPh>
    <rPh sb="12" eb="14">
      <t>キニュウ</t>
    </rPh>
    <phoneticPr fontId="3"/>
  </si>
  <si>
    <t>　(10) 申請する事業に係る従業者（管理者を含む。）の1ヶ月分の勤務時間を入力してください。（別シートの「シフト記号表」を作成し、シフト記号を選択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phoneticPr fontId="3"/>
  </si>
  <si>
    <t>　　  ※ 指定基準の確認に際しては、４週分の入力で差し支えありません。</t>
  </si>
  <si>
    <t>　(11)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3"/>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3"/>
  </si>
  <si>
    <t>　(12)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3"/>
  </si>
  <si>
    <t>　(13)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3"/>
  </si>
  <si>
    <t>　　　 その他、特記事項欄としてもご活用ください。</t>
    <rPh sb="6" eb="7">
      <t>タ</t>
    </rPh>
    <rPh sb="8" eb="10">
      <t>トッキ</t>
    </rPh>
    <rPh sb="10" eb="12">
      <t>ジコウ</t>
    </rPh>
    <rPh sb="12" eb="13">
      <t>ラン</t>
    </rPh>
    <rPh sb="18" eb="20">
      <t>カツヨウ</t>
    </rPh>
    <phoneticPr fontId="3"/>
  </si>
  <si>
    <t>　(14)介護予防通所介護相当サービスの場合の生活相談員がサービス提供時間内に勤務する時間数の合計（勤務延時間数）が自動計算されますので、誤りがないか確認してください。</t>
    <rPh sb="20" eb="22">
      <t>バアイ</t>
    </rPh>
    <rPh sb="23" eb="25">
      <t>セイカツ</t>
    </rPh>
    <rPh sb="25" eb="28">
      <t>ソウダンイン</t>
    </rPh>
    <rPh sb="33" eb="35">
      <t>テイキョウ</t>
    </rPh>
    <rPh sb="35" eb="37">
      <t>ジカン</t>
    </rPh>
    <rPh sb="37" eb="38">
      <t>ナイ</t>
    </rPh>
    <rPh sb="39" eb="41">
      <t>キンム</t>
    </rPh>
    <rPh sb="43" eb="45">
      <t>ジカン</t>
    </rPh>
    <rPh sb="45" eb="46">
      <t>スウ</t>
    </rPh>
    <rPh sb="47" eb="49">
      <t>ゴウケイ</t>
    </rPh>
    <rPh sb="50" eb="52">
      <t>キンム</t>
    </rPh>
    <rPh sb="52" eb="53">
      <t>エン</t>
    </rPh>
    <rPh sb="53" eb="55">
      <t>ジカン</t>
    </rPh>
    <rPh sb="55" eb="56">
      <t>スウ</t>
    </rPh>
    <rPh sb="58" eb="60">
      <t>ジドウ</t>
    </rPh>
    <rPh sb="60" eb="62">
      <t>ケイサン</t>
    </rPh>
    <rPh sb="69" eb="70">
      <t>アヤマ</t>
    </rPh>
    <rPh sb="75" eb="77">
      <t>カクニン</t>
    </rPh>
    <phoneticPr fontId="3"/>
  </si>
  <si>
    <t>　(15) 介護職員がサービス提供時間内に勤務する時間数の合計（勤務延時間数）が自動計算されますので、誤りがないか確認してください。</t>
    <rPh sb="6" eb="8">
      <t>カイゴ</t>
    </rPh>
    <rPh sb="8" eb="10">
      <t>ショクイン</t>
    </rPh>
    <rPh sb="15" eb="17">
      <t>テイキョウ</t>
    </rPh>
    <rPh sb="17" eb="19">
      <t>ジカン</t>
    </rPh>
    <rPh sb="19" eb="20">
      <t>ナイ</t>
    </rPh>
    <rPh sb="21" eb="23">
      <t>キンム</t>
    </rPh>
    <rPh sb="25" eb="27">
      <t>ジカン</t>
    </rPh>
    <rPh sb="27" eb="28">
      <t>スウ</t>
    </rPh>
    <rPh sb="29" eb="31">
      <t>ゴウケイ</t>
    </rPh>
    <rPh sb="32" eb="34">
      <t>キンム</t>
    </rPh>
    <rPh sb="34" eb="35">
      <t>エン</t>
    </rPh>
    <rPh sb="35" eb="37">
      <t>ジカン</t>
    </rPh>
    <rPh sb="37" eb="38">
      <t>スウ</t>
    </rPh>
    <rPh sb="40" eb="42">
      <t>ジドウ</t>
    </rPh>
    <rPh sb="42" eb="44">
      <t>ケイサン</t>
    </rPh>
    <rPh sb="51" eb="52">
      <t>アヤマ</t>
    </rPh>
    <rPh sb="57" eb="59">
      <t>カクニン</t>
    </rPh>
    <phoneticPr fontId="3"/>
  </si>
  <si>
    <t>　(16) 利用者数は、単位ごとの利用者の実人数（予定の場合は定員数）を入力してください。</t>
    <rPh sb="6" eb="9">
      <t>リヨウシャ</t>
    </rPh>
    <rPh sb="9" eb="10">
      <t>カズ</t>
    </rPh>
    <rPh sb="12" eb="14">
      <t>タンイ</t>
    </rPh>
    <rPh sb="17" eb="20">
      <t>リヨウシャ</t>
    </rPh>
    <rPh sb="21" eb="22">
      <t>ジツ</t>
    </rPh>
    <rPh sb="22" eb="24">
      <t>ニンズウ</t>
    </rPh>
    <rPh sb="25" eb="27">
      <t>ヨテイ</t>
    </rPh>
    <rPh sb="28" eb="30">
      <t>バアイ</t>
    </rPh>
    <rPh sb="31" eb="34">
      <t>テイインスウ</t>
    </rPh>
    <rPh sb="36" eb="38">
      <t>ニュウリョク</t>
    </rPh>
    <phoneticPr fontId="3"/>
  </si>
  <si>
    <t>　(17) サービス提供時間（平均提供時間）を入力してください。（平均提供時間＝利用者ごとの提供時間数の合計を利用者数で除して得た数）</t>
    <rPh sb="10" eb="12">
      <t>テイキョウ</t>
    </rPh>
    <rPh sb="12" eb="14">
      <t>ジカン</t>
    </rPh>
    <rPh sb="15" eb="17">
      <t>ヘイキン</t>
    </rPh>
    <rPh sb="17" eb="19">
      <t>テイキョウ</t>
    </rPh>
    <rPh sb="19" eb="21">
      <t>ジカン</t>
    </rPh>
    <rPh sb="23" eb="25">
      <t>ニュウリョク</t>
    </rPh>
    <rPh sb="33" eb="35">
      <t>ヘイキン</t>
    </rPh>
    <rPh sb="35" eb="37">
      <t>テイキョウ</t>
    </rPh>
    <rPh sb="37" eb="39">
      <t>ジカン</t>
    </rPh>
    <rPh sb="40" eb="43">
      <t>リヨウシャ</t>
    </rPh>
    <rPh sb="46" eb="48">
      <t>テイキョウ</t>
    </rPh>
    <rPh sb="48" eb="51">
      <t>ジカンスウ</t>
    </rPh>
    <rPh sb="52" eb="54">
      <t>ゴウケイ</t>
    </rPh>
    <rPh sb="55" eb="58">
      <t>リヨウシャ</t>
    </rPh>
    <rPh sb="58" eb="59">
      <t>スウ</t>
    </rPh>
    <rPh sb="60" eb="61">
      <t>ジョ</t>
    </rPh>
    <rPh sb="63" eb="64">
      <t>エ</t>
    </rPh>
    <rPh sb="65" eb="66">
      <t>カズ</t>
    </rPh>
    <phoneticPr fontId="3"/>
  </si>
  <si>
    <t>　(18) 介護予防通所介護相当サービスの場合の確保すべき介護職員の勤務時間数が自動計算されます。（(15)(16)を入力しないと計算されません。）</t>
    <rPh sb="21" eb="23">
      <t>バアイ</t>
    </rPh>
    <rPh sb="24" eb="26">
      <t>カクホ</t>
    </rPh>
    <rPh sb="29" eb="31">
      <t>カイゴ</t>
    </rPh>
    <rPh sb="31" eb="33">
      <t>ショクイン</t>
    </rPh>
    <rPh sb="34" eb="36">
      <t>キンム</t>
    </rPh>
    <rPh sb="36" eb="39">
      <t>ジカンスウ</t>
    </rPh>
    <rPh sb="40" eb="42">
      <t>ジドウ</t>
    </rPh>
    <rPh sb="42" eb="44">
      <t>ケイサン</t>
    </rPh>
    <rPh sb="59" eb="61">
      <t>ニュウリョク</t>
    </rPh>
    <rPh sb="65" eb="67">
      <t>ケイサン</t>
    </rPh>
    <phoneticPr fontId="3"/>
  </si>
  <si>
    <t xml:space="preserve"> （参考）</t>
    <rPh sb="2" eb="4">
      <t>サンコウ</t>
    </rPh>
    <phoneticPr fontId="3"/>
  </si>
  <si>
    <t>　(19) 1日の職種別人員内訳が自動カウントされますので、誤りがないか確認してください。職種を追加したい場合は、機能訓練指導員の下に１種追加可能です。</t>
    <rPh sb="7" eb="8">
      <t>ニチ</t>
    </rPh>
    <rPh sb="9" eb="12">
      <t>ショクシュベツ</t>
    </rPh>
    <rPh sb="12" eb="14">
      <t>ジンイン</t>
    </rPh>
    <rPh sb="14" eb="16">
      <t>ウチワケ</t>
    </rPh>
    <rPh sb="17" eb="19">
      <t>ジドウ</t>
    </rPh>
    <rPh sb="30" eb="31">
      <t>アヤマ</t>
    </rPh>
    <rPh sb="36" eb="38">
      <t>カクニン</t>
    </rPh>
    <rPh sb="45" eb="47">
      <t>ショクシュ</t>
    </rPh>
    <rPh sb="48" eb="50">
      <t>ツイカ</t>
    </rPh>
    <rPh sb="53" eb="55">
      <t>バアイ</t>
    </rPh>
    <rPh sb="57" eb="59">
      <t>キノウ</t>
    </rPh>
    <rPh sb="59" eb="61">
      <t>クンレン</t>
    </rPh>
    <rPh sb="61" eb="64">
      <t>シドウイン</t>
    </rPh>
    <rPh sb="65" eb="66">
      <t>シタ</t>
    </rPh>
    <rPh sb="68" eb="69">
      <t>シュ</t>
    </rPh>
    <rPh sb="69" eb="71">
      <t>ツイカ</t>
    </rPh>
    <rPh sb="71" eb="73">
      <t>カノウ</t>
    </rPh>
    <phoneticPr fontId="3"/>
  </si>
  <si>
    <t>　　　（追加した職種の人員内訳を自動計算させるためには、職種名称は(5)職種と一致させる必要があります。）</t>
    <rPh sb="4" eb="6">
      <t>ツイカ</t>
    </rPh>
    <rPh sb="8" eb="10">
      <t>ショクシュ</t>
    </rPh>
    <rPh sb="11" eb="13">
      <t>ジンイン</t>
    </rPh>
    <rPh sb="13" eb="15">
      <t>ウチワケ</t>
    </rPh>
    <rPh sb="16" eb="18">
      <t>ジドウ</t>
    </rPh>
    <rPh sb="18" eb="20">
      <t>ケイサン</t>
    </rPh>
    <rPh sb="28" eb="30">
      <t>ショクシュ</t>
    </rPh>
    <rPh sb="30" eb="32">
      <t>メイショウ</t>
    </rPh>
    <rPh sb="36" eb="38">
      <t>ショクシュ</t>
    </rPh>
    <rPh sb="39" eb="41">
      <t>イッチ</t>
    </rPh>
    <rPh sb="44" eb="46">
      <t>ヒツヨウ</t>
    </rPh>
    <phoneticPr fontId="3"/>
  </si>
  <si>
    <t>（標準様式２）</t>
    <rPh sb="1" eb="3">
      <t>ヒョウジュン</t>
    </rPh>
    <rPh sb="3" eb="5">
      <t>ヨウシキ</t>
    </rPh>
    <phoneticPr fontId="4"/>
  </si>
  <si>
    <t>平面図</t>
    <rPh sb="0" eb="3">
      <t>ヘイメンズ</t>
    </rPh>
    <phoneticPr fontId="4"/>
  </si>
  <si>
    <r>
      <t>事業所</t>
    </r>
    <r>
      <rPr>
        <sz val="11"/>
        <rFont val="ＭＳ Ｐゴシック"/>
        <family val="3"/>
        <charset val="128"/>
      </rPr>
      <t>名</t>
    </r>
    <rPh sb="0" eb="3">
      <t>ジギョウショ</t>
    </rPh>
    <rPh sb="3" eb="4">
      <t>ナ</t>
    </rPh>
    <phoneticPr fontId="4"/>
  </si>
  <si>
    <t>展示コーナー</t>
    <rPh sb="0" eb="2">
      <t>テンジ</t>
    </rPh>
    <phoneticPr fontId="4"/>
  </si>
  <si>
    <t>　調理室</t>
    <rPh sb="1" eb="4">
      <t>チョウリシツ</t>
    </rPh>
    <phoneticPr fontId="4"/>
  </si>
  <si>
    <t>静養室</t>
    <rPh sb="0" eb="2">
      <t>セイヨウ</t>
    </rPh>
    <rPh sb="2" eb="3">
      <t>シツ</t>
    </rPh>
    <phoneticPr fontId="4"/>
  </si>
  <si>
    <t>相談室</t>
    <rPh sb="0" eb="3">
      <t>ソウダンシツ</t>
    </rPh>
    <phoneticPr fontId="4"/>
  </si>
  <si>
    <t>便所</t>
    <rPh sb="0" eb="2">
      <t>ベンジョ</t>
    </rPh>
    <phoneticPr fontId="4"/>
  </si>
  <si>
    <t>　30㎡</t>
    <phoneticPr fontId="4"/>
  </si>
  <si>
    <t>20㎡</t>
    <phoneticPr fontId="4"/>
  </si>
  <si>
    <t>40㎡</t>
    <phoneticPr fontId="4"/>
  </si>
  <si>
    <t>玄関ホール</t>
    <rPh sb="0" eb="2">
      <t>ゲンカン</t>
    </rPh>
    <phoneticPr fontId="4"/>
  </si>
  <si>
    <t>　　機能訓練室　100㎡</t>
    <rPh sb="2" eb="4">
      <t>キノウ</t>
    </rPh>
    <rPh sb="4" eb="6">
      <t>クンレン</t>
    </rPh>
    <rPh sb="6" eb="7">
      <t>シツ</t>
    </rPh>
    <phoneticPr fontId="4"/>
  </si>
  <si>
    <t>　　（食堂兼用）</t>
    <rPh sb="3" eb="5">
      <t>ショクドウ</t>
    </rPh>
    <rPh sb="5" eb="7">
      <t>ケンヨウ</t>
    </rPh>
    <phoneticPr fontId="4"/>
  </si>
  <si>
    <t>倉庫</t>
    <rPh sb="0" eb="2">
      <t>ソウコ</t>
    </rPh>
    <phoneticPr fontId="4"/>
  </si>
  <si>
    <t>浴室 70㎡</t>
    <rPh sb="0" eb="2">
      <t>ヨクシツ</t>
    </rPh>
    <phoneticPr fontId="4"/>
  </si>
  <si>
    <t>事務室 30㎡</t>
    <rPh sb="0" eb="3">
      <t>ジムシツ</t>
    </rPh>
    <phoneticPr fontId="4"/>
  </si>
  <si>
    <t>備考　1</t>
    <rPh sb="0" eb="2">
      <t>ビコウ</t>
    </rPh>
    <phoneticPr fontId="4"/>
  </si>
  <si>
    <t>　必ずしも本様式によらず、各室の用途及び面積の分かるものであれば、既存の平面図等をもって提出書類として差し支えありません。</t>
    <rPh sb="1" eb="2">
      <t>カナラ</t>
    </rPh>
    <rPh sb="5" eb="6">
      <t>ホン</t>
    </rPh>
    <rPh sb="6" eb="8">
      <t>ヨウシキ</t>
    </rPh>
    <rPh sb="13" eb="15">
      <t>カクシツ</t>
    </rPh>
    <rPh sb="16" eb="18">
      <t>ヨウト</t>
    </rPh>
    <rPh sb="18" eb="19">
      <t>オヨ</t>
    </rPh>
    <rPh sb="20" eb="22">
      <t>メンセキ</t>
    </rPh>
    <rPh sb="23" eb="24">
      <t>ワ</t>
    </rPh>
    <rPh sb="33" eb="35">
      <t>キゾン</t>
    </rPh>
    <rPh sb="36" eb="39">
      <t>ヘイメンズ</t>
    </rPh>
    <rPh sb="39" eb="40">
      <t>トウ</t>
    </rPh>
    <rPh sb="44" eb="46">
      <t>テイシュツ</t>
    </rPh>
    <rPh sb="46" eb="48">
      <t>ショルイ</t>
    </rPh>
    <rPh sb="51" eb="52">
      <t>サ</t>
    </rPh>
    <rPh sb="53" eb="54">
      <t>ツカ</t>
    </rPh>
    <phoneticPr fontId="4"/>
  </si>
  <si>
    <t>　各室の用途及び面積を記載してください。</t>
    <phoneticPr fontId="4"/>
  </si>
  <si>
    <t>　当該事業の専用部分と他との共用部分を色分けする等使用関係を分かり易く表示してください。</t>
    <rPh sb="1" eb="3">
      <t>トウガイ</t>
    </rPh>
    <rPh sb="3" eb="5">
      <t>ジギョウ</t>
    </rPh>
    <rPh sb="6" eb="8">
      <t>センヨウ</t>
    </rPh>
    <rPh sb="8" eb="10">
      <t>ブブン</t>
    </rPh>
    <rPh sb="11" eb="12">
      <t>タ</t>
    </rPh>
    <rPh sb="14" eb="16">
      <t>キョウヨウ</t>
    </rPh>
    <rPh sb="16" eb="18">
      <t>ブブン</t>
    </rPh>
    <rPh sb="19" eb="21">
      <t>イロワ</t>
    </rPh>
    <rPh sb="24" eb="25">
      <t>トウ</t>
    </rPh>
    <rPh sb="25" eb="27">
      <t>シヨウ</t>
    </rPh>
    <rPh sb="27" eb="29">
      <t>カンケイ</t>
    </rPh>
    <rPh sb="30" eb="31">
      <t>ワ</t>
    </rPh>
    <rPh sb="33" eb="34">
      <t>ヤス</t>
    </rPh>
    <rPh sb="35" eb="37">
      <t>ヒョウジ</t>
    </rPh>
    <phoneticPr fontId="4"/>
  </si>
  <si>
    <t>（標準様式３）</t>
    <rPh sb="1" eb="3">
      <t>ヒョウジュン</t>
    </rPh>
    <phoneticPr fontId="4"/>
  </si>
  <si>
    <t>設備等一覧表</t>
    <phoneticPr fontId="4"/>
  </si>
  <si>
    <t>サービス種類　（</t>
    <rPh sb="4" eb="6">
      <t>シュルイ</t>
    </rPh>
    <phoneticPr fontId="4"/>
  </si>
  <si>
    <t>）</t>
    <phoneticPr fontId="4"/>
  </si>
  <si>
    <t>事業所名　（</t>
    <rPh sb="0" eb="3">
      <t>ジギョウショ</t>
    </rPh>
    <rPh sb="3" eb="4">
      <t>メイ</t>
    </rPh>
    <phoneticPr fontId="4"/>
  </si>
  <si>
    <t>チェック欄</t>
    <rPh sb="4" eb="5">
      <t>ラン</t>
    </rPh>
    <phoneticPr fontId="4"/>
  </si>
  <si>
    <t>設備の種類</t>
    <rPh sb="0" eb="2">
      <t>セツビ</t>
    </rPh>
    <rPh sb="3" eb="5">
      <t>シュルイ</t>
    </rPh>
    <phoneticPr fontId="4"/>
  </si>
  <si>
    <t>設備基準上適合すべき項目</t>
    <rPh sb="0" eb="2">
      <t>セツビ</t>
    </rPh>
    <rPh sb="2" eb="4">
      <t>キジュン</t>
    </rPh>
    <rPh sb="4" eb="5">
      <t>ジョウ</t>
    </rPh>
    <rPh sb="5" eb="7">
      <t>テキゴウ</t>
    </rPh>
    <rPh sb="10" eb="12">
      <t>コウモク</t>
    </rPh>
    <phoneticPr fontId="4"/>
  </si>
  <si>
    <t>（例）消火設備その他非常災害に際して必要な設備</t>
    <rPh sb="1" eb="2">
      <t>レイ</t>
    </rPh>
    <rPh sb="3" eb="5">
      <t>ショウカ</t>
    </rPh>
    <rPh sb="5" eb="7">
      <t>セツビ</t>
    </rPh>
    <rPh sb="9" eb="10">
      <t>タ</t>
    </rPh>
    <rPh sb="10" eb="12">
      <t>ヒジョウ</t>
    </rPh>
    <rPh sb="12" eb="14">
      <t>サイガイ</t>
    </rPh>
    <rPh sb="15" eb="16">
      <t>サイ</t>
    </rPh>
    <rPh sb="18" eb="20">
      <t>ヒツヨウ</t>
    </rPh>
    <rPh sb="21" eb="23">
      <t>セツビ</t>
    </rPh>
    <phoneticPr fontId="4"/>
  </si>
  <si>
    <t>備考</t>
    <rPh sb="0" eb="2">
      <t>ビコウ</t>
    </rPh>
    <phoneticPr fontId="4"/>
  </si>
  <si>
    <t>1　申請するサービス種類に関して、基準省令で定められた設備基準上適合すべき項目のうち、付表及び平面図で確認できる項目以外の事項について記載してください。 
2　「設備の種類」及び「設備基準上適合すべき項目」については、予め指定権者が、サービス毎に確認すべき内容を本様式に記載し、申請者が「チェック欄」を記入して提出する形とすることを推奨します。</t>
    <rPh sb="43" eb="45">
      <t>フヒョウ</t>
    </rPh>
    <rPh sb="45" eb="46">
      <t>オヨ</t>
    </rPh>
    <rPh sb="47" eb="50">
      <t>ヘイメンズ</t>
    </rPh>
    <rPh sb="51" eb="53">
      <t>カクニン</t>
    </rPh>
    <rPh sb="81" eb="83">
      <t>セツビ</t>
    </rPh>
    <rPh sb="84" eb="86">
      <t>シュルイ</t>
    </rPh>
    <rPh sb="87" eb="88">
      <t>オヨ</t>
    </rPh>
    <rPh sb="90" eb="92">
      <t>セツビ</t>
    </rPh>
    <rPh sb="92" eb="94">
      <t>キジュン</t>
    </rPh>
    <rPh sb="94" eb="95">
      <t>ジョウ</t>
    </rPh>
    <rPh sb="95" eb="97">
      <t>テキゴウ</t>
    </rPh>
    <rPh sb="100" eb="102">
      <t>コウモク</t>
    </rPh>
    <rPh sb="109" eb="110">
      <t>アラカジ</t>
    </rPh>
    <rPh sb="121" eb="122">
      <t>ゴト</t>
    </rPh>
    <rPh sb="123" eb="125">
      <t>カクニン</t>
    </rPh>
    <rPh sb="128" eb="130">
      <t>ナイヨウ</t>
    </rPh>
    <rPh sb="131" eb="132">
      <t>ホン</t>
    </rPh>
    <rPh sb="132" eb="134">
      <t>ヨウシキ</t>
    </rPh>
    <rPh sb="135" eb="137">
      <t>キサイ</t>
    </rPh>
    <rPh sb="139" eb="142">
      <t>シンセイシャ</t>
    </rPh>
    <rPh sb="148" eb="149">
      <t>ラン</t>
    </rPh>
    <rPh sb="151" eb="153">
      <t>キニュウ</t>
    </rPh>
    <rPh sb="155" eb="157">
      <t>テイシュツ</t>
    </rPh>
    <rPh sb="159" eb="160">
      <t>カタチ</t>
    </rPh>
    <rPh sb="166" eb="168">
      <t>スイショウ</t>
    </rPh>
    <phoneticPr fontId="4"/>
  </si>
  <si>
    <t>（標準様式４）</t>
    <rPh sb="1" eb="3">
      <t>ヒョウジュン</t>
    </rPh>
    <phoneticPr fontId="4"/>
  </si>
  <si>
    <t>事業所名</t>
    <phoneticPr fontId="4"/>
  </si>
  <si>
    <t>申請するサービス種類</t>
  </si>
  <si>
    <t>措  置  の  概  要</t>
  </si>
  <si>
    <t>１  利用者からの相談又は苦情等に対応する常設の窓口（連絡先）、担当者の設置</t>
    <phoneticPr fontId="4"/>
  </si>
  <si>
    <t>２  円滑かつ迅速に苦情処理を行うための処理体制・手順</t>
    <phoneticPr fontId="4"/>
  </si>
  <si>
    <t>３  その他参考事項</t>
    <phoneticPr fontId="4"/>
  </si>
  <si>
    <t>備考  上の事項は例示であり、これにかかわらず苦情処理に係る対応方針を具体的に記してください。</t>
  </si>
  <si>
    <t>（標準様式５）</t>
    <rPh sb="1" eb="3">
      <t>ヒョウジュン</t>
    </rPh>
    <rPh sb="3" eb="5">
      <t>ヨウシキ</t>
    </rPh>
    <phoneticPr fontId="4"/>
  </si>
  <si>
    <t>誓　約　書</t>
    <phoneticPr fontId="4"/>
  </si>
  <si>
    <t>年</t>
    <rPh sb="0" eb="1">
      <t>ネン</t>
    </rPh>
    <phoneticPr fontId="4"/>
  </si>
  <si>
    <t>月</t>
    <rPh sb="0" eb="1">
      <t>ゲツ</t>
    </rPh>
    <phoneticPr fontId="4"/>
  </si>
  <si>
    <t>日</t>
    <rPh sb="0" eb="1">
      <t>ニチ</t>
    </rPh>
    <phoneticPr fontId="4"/>
  </si>
  <si>
    <t xml:space="preserve">    殿</t>
    <phoneticPr fontId="4"/>
  </si>
  <si>
    <t xml:space="preserve">申請者    </t>
    <phoneticPr fontId="4"/>
  </si>
  <si>
    <t>（名称）</t>
    <rPh sb="1" eb="3">
      <t>メイショウ</t>
    </rPh>
    <phoneticPr fontId="4"/>
  </si>
  <si>
    <t>（代表者の職名・氏名）</t>
    <rPh sb="1" eb="4">
      <t>ダイヒョウシャ</t>
    </rPh>
    <rPh sb="5" eb="7">
      <t>ショクメイ</t>
    </rPh>
    <rPh sb="8" eb="10">
      <t>シメイ</t>
    </rPh>
    <phoneticPr fontId="4"/>
  </si>
  <si>
    <t>　 申請者が、介護保険法第１１５条の４５の５第２項に規定する厚生労働省令で定める基準（平成１１年厚生省令第３６号　介護保険法施行規則第１４０条の６３の６）に従って適正に第一号事業を行うことができないと認められるものに該当しないことを誓います。</t>
    <phoneticPr fontId="4"/>
  </si>
  <si>
    <t>記</t>
    <rPh sb="0" eb="1">
      <t>キ</t>
    </rPh>
    <phoneticPr fontId="4"/>
  </si>
  <si>
    <t xml:space="preserve">【介護保険法施行規則第１４０条の６３の６】
（法第１１５条の４５の５第２項の厚生労働省令で定める基準）
法第115条の45の５第２項に規定する厚生労働省令で定める基準は、市町村が定める基準であって、次のいずれかに該当するものとする。
</t>
    <phoneticPr fontId="4"/>
  </si>
  <si>
    <t>一</t>
    <rPh sb="0" eb="1">
      <t>イチ</t>
    </rPh>
    <phoneticPr fontId="4"/>
  </si>
  <si>
    <t>第一号事業（第一号生活支援事業を除く。）に係る基準として、次に掲げるいずれかに該当する基準</t>
    <phoneticPr fontId="4"/>
  </si>
  <si>
    <t>イ</t>
    <phoneticPr fontId="4"/>
  </si>
  <si>
    <t>介護保険法施行規則等の一部を改正する省令（平成27年厚生労働省令第４号）附則第２条第３号若しくは第４条第３号の規定によりなおその効力を有するものとされた指定介護予防サービス等の事業の人員、設備及び運営並びに指定介護予防サービス等に係る介護予防のための効果的な支援の方法に関する基準（平成18年厚生労働省令第35号。ロにおいて「旧指定介護予防サービス等基準」という。）に規定する旧介護予防訪問介護若しくは旧介護予防通所介護に係る基準の例による基準又は指定介護予防支援等の事業の人員及び運営並びに指定介護予防支援等に係る介護予防のための効果的な支援の方法に関する基準（平成18年厚生労働省令第37号。ロにおいて「指定介護予防支援等基準」という。）に規定する介護予防支援に係る基準の例による基準</t>
    <phoneticPr fontId="4"/>
  </si>
  <si>
    <t>ロ</t>
    <phoneticPr fontId="4"/>
  </si>
  <si>
    <t>旧指定介護予防サービス等基準に規定する基準該当介護予防サービス（旧介護予防訪問介護及び旧介護予防通所介護に係るものに限る。）に係る基準又は指定介護予防支援等基準に規定する基準該当介護予防支援に係る基準の例による基準</t>
    <phoneticPr fontId="4"/>
  </si>
  <si>
    <t>ハ</t>
    <phoneticPr fontId="4"/>
  </si>
  <si>
    <t>平成26年改正前法第54条第１項第３号又は法第59条第１項第２号に規定する離島その他の地域であって厚生労働大臣が定める基準に該当するものに住所を有する居宅要支援被保険者等が、平成26年改正前法第54条第１項第３号又は法第59条第１項第２号に規定するサービスを受けた場合における当該サービスの内容を勘案した基準</t>
    <phoneticPr fontId="4"/>
  </si>
  <si>
    <t>ニ</t>
    <phoneticPr fontId="4"/>
  </si>
  <si>
    <t>第一号事業に係る基準として、当該第一号事業に係るサービスの内容等を勘案した基準（前号に掲げるものを除く。）</t>
    <phoneticPr fontId="4"/>
  </si>
  <si>
    <t>利用者からの苦情を処理するために講ずる措置の概要</t>
    <phoneticPr fontId="3"/>
  </si>
  <si>
    <t>沖縄市長</t>
    <rPh sb="0" eb="3">
      <t>オキナワシ</t>
    </rPh>
    <rPh sb="3" eb="4">
      <t>チョ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0"/>
    <numFmt numFmtId="177" formatCode="#,##0.0#"/>
    <numFmt numFmtId="178" formatCode="0&quot;月&quot;"/>
    <numFmt numFmtId="179" formatCode="#,##0&quot;人&quot;"/>
    <numFmt numFmtId="180" formatCode="#,##0.##"/>
    <numFmt numFmtId="181" formatCode="#,##0.0;[Red]\-#,##0.0"/>
    <numFmt numFmtId="182" formatCode="0.0&quot;人以上&quot;"/>
    <numFmt numFmtId="183" formatCode="#,##0.0&quot;人&quot;"/>
    <numFmt numFmtId="184" formatCode="h:mm;@"/>
  </numFmts>
  <fonts count="36" x14ac:knownFonts="1">
    <font>
      <sz val="11"/>
      <color theme="1"/>
      <name val="游ゴシック"/>
      <family val="2"/>
      <charset val="128"/>
      <scheme val="minor"/>
    </font>
    <font>
      <sz val="11"/>
      <color theme="1"/>
      <name val="游ゴシック"/>
      <family val="2"/>
      <charset val="128"/>
      <scheme val="minor"/>
    </font>
    <font>
      <sz val="16"/>
      <name val="HGSｺﾞｼｯｸM"/>
      <family val="3"/>
      <charset val="128"/>
    </font>
    <font>
      <sz val="6"/>
      <name val="游ゴシック"/>
      <family val="2"/>
      <charset val="128"/>
      <scheme val="minor"/>
    </font>
    <font>
      <sz val="6"/>
      <name val="ＭＳ Ｐゴシック"/>
      <family val="3"/>
      <charset val="128"/>
    </font>
    <font>
      <b/>
      <sz val="16"/>
      <name val="HGSｺﾞｼｯｸM"/>
      <family val="3"/>
      <charset val="128"/>
    </font>
    <font>
      <b/>
      <sz val="14"/>
      <name val="HGSｺﾞｼｯｸM"/>
      <family val="3"/>
      <charset val="128"/>
    </font>
    <font>
      <sz val="14"/>
      <name val="HGSｺﾞｼｯｸM"/>
      <family val="3"/>
      <charset val="128"/>
    </font>
    <font>
      <sz val="12"/>
      <name val="HGSｺﾞｼｯｸM"/>
      <family val="3"/>
      <charset val="128"/>
    </font>
    <font>
      <sz val="11"/>
      <name val="HGSｺﾞｼｯｸM"/>
      <family val="3"/>
      <charset val="128"/>
    </font>
    <font>
      <b/>
      <sz val="12"/>
      <name val="HGSｺﾞｼｯｸM"/>
      <family val="3"/>
      <charset val="128"/>
    </font>
    <font>
      <sz val="14"/>
      <color rgb="FFFF0000"/>
      <name val="HGSｺﾞｼｯｸM"/>
      <family val="3"/>
      <charset val="128"/>
    </font>
    <font>
      <b/>
      <sz val="12"/>
      <color rgb="FFFF0000"/>
      <name val="HGSｺﾞｼｯｸM"/>
      <family val="3"/>
      <charset val="128"/>
    </font>
    <font>
      <sz val="12"/>
      <name val="HGSｺﾞｼｯｸE"/>
      <family val="3"/>
      <charset val="128"/>
    </font>
    <font>
      <u/>
      <sz val="12"/>
      <name val="HGSｺﾞｼｯｸE"/>
      <family val="3"/>
      <charset val="128"/>
    </font>
    <font>
      <b/>
      <u/>
      <sz val="12"/>
      <name val="HGSｺﾞｼｯｸM"/>
      <family val="3"/>
      <charset val="128"/>
    </font>
    <font>
      <sz val="11"/>
      <name val="游ゴシック"/>
      <family val="2"/>
      <charset val="128"/>
      <scheme val="minor"/>
    </font>
    <font>
      <sz val="11"/>
      <color rgb="FF000000"/>
      <name val="游ゴシック"/>
      <family val="3"/>
      <charset val="128"/>
      <scheme val="minor"/>
    </font>
    <font>
      <sz val="11"/>
      <color rgb="FF000000"/>
      <name val="Calibri"/>
      <family val="2"/>
    </font>
    <font>
      <b/>
      <sz val="16"/>
      <color rgb="FFFF0000"/>
      <name val="游ゴシック"/>
      <family val="2"/>
      <charset val="128"/>
      <scheme val="minor"/>
    </font>
    <font>
      <sz val="16"/>
      <color theme="1"/>
      <name val="游ゴシック"/>
      <family val="3"/>
      <charset val="128"/>
      <scheme val="minor"/>
    </font>
    <font>
      <sz val="16"/>
      <color rgb="FFFF0000"/>
      <name val="游ゴシック"/>
      <family val="3"/>
      <charset val="128"/>
      <scheme val="minor"/>
    </font>
    <font>
      <sz val="16"/>
      <color rgb="FF000000"/>
      <name val="游ゴシック"/>
      <family val="3"/>
      <charset val="128"/>
      <scheme val="minor"/>
    </font>
    <font>
      <sz val="10"/>
      <name val="HGSｺﾞｼｯｸM"/>
      <family val="3"/>
      <charset val="128"/>
    </font>
    <font>
      <sz val="6"/>
      <name val="HGSｺﾞｼｯｸM"/>
      <family val="3"/>
      <charset val="128"/>
    </font>
    <font>
      <sz val="12"/>
      <color rgb="FFFFFF99"/>
      <name val="HGSｺﾞｼｯｸM"/>
      <family val="3"/>
      <charset val="128"/>
    </font>
    <font>
      <sz val="12"/>
      <color theme="1"/>
      <name val="HGSｺﾞｼｯｸM"/>
      <family val="3"/>
      <charset val="128"/>
    </font>
    <font>
      <sz val="11"/>
      <name val="ＭＳ Ｐゴシック"/>
      <family val="3"/>
      <charset val="128"/>
    </font>
    <font>
      <sz val="10"/>
      <color rgb="FF000000"/>
      <name val="Times New Roman"/>
      <family val="1"/>
    </font>
    <font>
      <sz val="10"/>
      <color rgb="FF000000"/>
      <name val="ＭＳ Ｐゴシック"/>
      <family val="3"/>
      <charset val="128"/>
    </font>
    <font>
      <b/>
      <sz val="12"/>
      <name val="ＭＳ Ｐゴシック"/>
      <family val="3"/>
      <charset val="128"/>
    </font>
    <font>
      <sz val="11"/>
      <color rgb="FF000000"/>
      <name val="ＭＳ Ｐゴシック"/>
      <family val="3"/>
      <charset val="128"/>
    </font>
    <font>
      <sz val="10.5"/>
      <name val="ＭＳ Ｐゴシック"/>
      <family val="3"/>
      <charset val="128"/>
    </font>
    <font>
      <sz val="10.5"/>
      <color rgb="FF000000"/>
      <name val="ＭＳ Ｐゴシック"/>
      <family val="3"/>
      <charset val="128"/>
    </font>
    <font>
      <b/>
      <sz val="10.5"/>
      <name val="ＭＳ Ｐゴシック"/>
      <family val="3"/>
      <charset val="128"/>
    </font>
    <font>
      <sz val="10"/>
      <name val="ＭＳ Ｐゴシック"/>
      <family val="3"/>
      <charset val="128"/>
    </font>
  </fonts>
  <fills count="8">
    <fill>
      <patternFill patternType="none"/>
    </fill>
    <fill>
      <patternFill patternType="gray125"/>
    </fill>
    <fill>
      <patternFill patternType="solid">
        <fgColor theme="8" tint="0.79998168889431442"/>
        <bgColor indexed="64"/>
      </patternFill>
    </fill>
    <fill>
      <patternFill patternType="solid">
        <fgColor rgb="FFCCFFCC"/>
        <bgColor indexed="64"/>
      </patternFill>
    </fill>
    <fill>
      <patternFill patternType="solid">
        <fgColor theme="0"/>
        <bgColor indexed="64"/>
      </patternFill>
    </fill>
    <fill>
      <patternFill patternType="solid">
        <fgColor rgb="FFCCECFF"/>
        <bgColor indexed="64"/>
      </patternFill>
    </fill>
    <fill>
      <patternFill patternType="solid">
        <fgColor rgb="FFFFFFCC"/>
        <bgColor indexed="64"/>
      </patternFill>
    </fill>
    <fill>
      <patternFill patternType="solid">
        <fgColor theme="0" tint="-4.9989318521683403E-2"/>
        <bgColor indexed="64"/>
      </patternFill>
    </fill>
  </fills>
  <borders count="12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diagonal/>
    </border>
    <border>
      <left/>
      <right style="thin">
        <color indexed="64"/>
      </right>
      <top/>
      <bottom/>
      <diagonal/>
    </border>
    <border>
      <left style="thin">
        <color indexed="64"/>
      </left>
      <right/>
      <top/>
      <bottom/>
      <diagonal/>
    </border>
    <border>
      <left/>
      <right style="medium">
        <color indexed="64"/>
      </right>
      <top/>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top/>
      <bottom style="thin">
        <color indexed="64"/>
      </bottom>
      <diagonal/>
    </border>
    <border>
      <left style="thin">
        <color indexed="64"/>
      </left>
      <right style="thin">
        <color indexed="64"/>
      </right>
      <top style="medium">
        <color indexed="64"/>
      </top>
      <bottom/>
      <diagonal/>
    </border>
    <border>
      <left style="medium">
        <color indexed="64"/>
      </left>
      <right/>
      <top/>
      <bottom/>
      <diagonal/>
    </border>
    <border>
      <left style="thin">
        <color indexed="64"/>
      </left>
      <right style="thin">
        <color indexed="64"/>
      </right>
      <top/>
      <bottom/>
      <diagonal/>
    </border>
    <border>
      <left style="medium">
        <color indexed="64"/>
      </left>
      <right/>
      <top/>
      <bottom style="medium">
        <color indexed="64"/>
      </bottom>
      <diagonal/>
    </border>
    <border>
      <left style="thin">
        <color indexed="64"/>
      </left>
      <right style="thin">
        <color indexed="64"/>
      </right>
      <top/>
      <bottom style="medium">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diagonalUp="1">
      <left style="medium">
        <color indexed="64"/>
      </left>
      <right/>
      <top style="medium">
        <color indexed="64"/>
      </top>
      <bottom style="dotted">
        <color indexed="64"/>
      </bottom>
      <diagonal style="hair">
        <color indexed="64"/>
      </diagonal>
    </border>
    <border diagonalUp="1">
      <left/>
      <right style="thin">
        <color indexed="64"/>
      </right>
      <top style="medium">
        <color indexed="64"/>
      </top>
      <bottom style="dotted">
        <color indexed="64"/>
      </bottom>
      <diagonal style="hair">
        <color indexed="64"/>
      </diagonal>
    </border>
    <border diagonalUp="1">
      <left style="thin">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style="medium">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medium">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medium">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medium">
        <color indexed="64"/>
      </right>
      <top style="thin">
        <color indexed="64"/>
      </top>
      <bottom/>
      <diagonal/>
    </border>
    <border>
      <left style="medium">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diagonalUp="1">
      <left style="medium">
        <color indexed="64"/>
      </left>
      <right/>
      <top style="thin">
        <color indexed="64"/>
      </top>
      <bottom style="dotted">
        <color indexed="64"/>
      </bottom>
      <diagonal style="hair">
        <color indexed="64"/>
      </diagonal>
    </border>
    <border diagonalUp="1">
      <left/>
      <right style="thin">
        <color indexed="64"/>
      </right>
      <top style="thin">
        <color indexed="64"/>
      </top>
      <bottom style="dotted">
        <color indexed="64"/>
      </bottom>
      <diagonal style="hair">
        <color indexed="64"/>
      </diagonal>
    </border>
    <border diagonalUp="1">
      <left style="thin">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left style="thin">
        <color indexed="64"/>
      </left>
      <right/>
      <top/>
      <bottom style="thin">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diagonalUp="1">
      <left style="medium">
        <color indexed="64"/>
      </left>
      <right/>
      <top style="medium">
        <color indexed="64"/>
      </top>
      <bottom/>
      <diagonal style="hair">
        <color indexed="64"/>
      </diagonal>
    </border>
    <border diagonalUp="1">
      <left/>
      <right/>
      <top style="medium">
        <color indexed="64"/>
      </top>
      <bottom/>
      <diagonal style="hair">
        <color indexed="64"/>
      </diagonal>
    </border>
    <border diagonalUp="1">
      <left/>
      <right style="medium">
        <color indexed="64"/>
      </right>
      <top style="medium">
        <color indexed="64"/>
      </top>
      <bottom/>
      <diagonal style="hair">
        <color indexed="64"/>
      </diagonal>
    </border>
    <border diagonalUp="1">
      <left style="medium">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medium">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thin">
        <color indexed="64"/>
      </right>
      <top style="medium">
        <color indexed="64"/>
      </top>
      <bottom style="thin">
        <color indexed="64"/>
      </bottom>
      <diagonal/>
    </border>
    <border diagonalUp="1">
      <left style="medium">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left style="medium">
        <color indexed="64"/>
      </left>
      <right style="thin">
        <color rgb="FF000000"/>
      </right>
      <top style="medium">
        <color indexed="64"/>
      </top>
      <bottom style="thin">
        <color rgb="FF000000"/>
      </bottom>
      <diagonal/>
    </border>
    <border>
      <left style="thin">
        <color rgb="FF000000"/>
      </left>
      <right style="medium">
        <color indexed="64"/>
      </right>
      <top style="medium">
        <color indexed="64"/>
      </top>
      <bottom style="thin">
        <color rgb="FF000000"/>
      </bottom>
      <diagonal/>
    </border>
    <border>
      <left style="medium">
        <color indexed="64"/>
      </left>
      <right style="thin">
        <color rgb="FF000000"/>
      </right>
      <top style="thin">
        <color rgb="FF000000"/>
      </top>
      <bottom style="medium">
        <color indexed="64"/>
      </bottom>
      <diagonal/>
    </border>
    <border>
      <left style="thin">
        <color rgb="FF000000"/>
      </left>
      <right style="medium">
        <color indexed="64"/>
      </right>
      <top style="thin">
        <color rgb="FF000000"/>
      </top>
      <bottom style="medium">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27" fillId="0" borderId="0"/>
    <xf numFmtId="0" fontId="28" fillId="0" borderId="0"/>
  </cellStyleXfs>
  <cellXfs count="716">
    <xf numFmtId="0" fontId="0" fillId="0" borderId="0" xfId="0">
      <alignment vertical="center"/>
    </xf>
    <xf numFmtId="0" fontId="2" fillId="0" borderId="0" xfId="0" applyFont="1" applyFill="1" applyAlignment="1" applyProtection="1">
      <alignment vertical="center"/>
    </xf>
    <xf numFmtId="0" fontId="2" fillId="0" borderId="0" xfId="0" applyFont="1" applyFill="1" applyAlignment="1" applyProtection="1">
      <alignment horizontal="left" vertical="center"/>
    </xf>
    <xf numFmtId="0" fontId="5" fillId="0" borderId="0" xfId="0" applyFont="1" applyFill="1" applyAlignment="1" applyProtection="1">
      <alignment horizontal="left" vertical="center"/>
    </xf>
    <xf numFmtId="0" fontId="5" fillId="0" borderId="0" xfId="0" applyFont="1" applyFill="1" applyAlignment="1" applyProtection="1">
      <alignment horizontal="right" vertical="center"/>
    </xf>
    <xf numFmtId="0" fontId="6" fillId="0" borderId="0" xfId="0" applyFont="1" applyFill="1" applyAlignment="1" applyProtection="1">
      <alignment horizontal="left" vertical="center"/>
    </xf>
    <xf numFmtId="0" fontId="2" fillId="0" borderId="0" xfId="0" applyFont="1" applyFill="1" applyAlignment="1">
      <alignment vertical="center"/>
    </xf>
    <xf numFmtId="0" fontId="5" fillId="0" borderId="0" xfId="0" applyFont="1" applyFill="1" applyAlignment="1" applyProtection="1">
      <alignment vertical="center"/>
    </xf>
    <xf numFmtId="0" fontId="5" fillId="0" borderId="0" xfId="0" applyFont="1" applyFill="1" applyAlignment="1">
      <alignment horizontal="right" vertical="center"/>
    </xf>
    <xf numFmtId="0" fontId="5" fillId="0" borderId="0" xfId="0" applyFont="1" applyFill="1" applyAlignment="1">
      <alignment vertical="center"/>
    </xf>
    <xf numFmtId="0" fontId="6" fillId="0" borderId="0" xfId="0" applyFont="1" applyFill="1" applyAlignment="1" applyProtection="1">
      <alignment horizontal="right" vertical="center"/>
    </xf>
    <xf numFmtId="0" fontId="6" fillId="4" borderId="0" xfId="0" applyFont="1" applyFill="1" applyAlignment="1" applyProtection="1">
      <alignment horizontal="center" vertical="center"/>
    </xf>
    <xf numFmtId="0" fontId="6" fillId="4" borderId="0" xfId="0" applyFont="1" applyFill="1" applyAlignment="1" applyProtection="1">
      <alignment horizontal="right" vertical="center"/>
    </xf>
    <xf numFmtId="0" fontId="6" fillId="4" borderId="0" xfId="0" applyFont="1" applyFill="1" applyAlignment="1" applyProtection="1">
      <alignment vertical="center"/>
    </xf>
    <xf numFmtId="0" fontId="6" fillId="0" borderId="0" xfId="0" applyFont="1" applyFill="1" applyAlignment="1" applyProtection="1">
      <alignment vertical="center"/>
    </xf>
    <xf numFmtId="0" fontId="5" fillId="0" borderId="0" xfId="0" applyFont="1" applyFill="1" applyAlignment="1" applyProtection="1">
      <alignment horizontal="center" vertical="center"/>
    </xf>
    <xf numFmtId="0" fontId="2" fillId="0" borderId="0" xfId="0" quotePrefix="1" applyFont="1" applyFill="1" applyAlignment="1" applyProtection="1">
      <alignment horizontal="center" vertical="center"/>
    </xf>
    <xf numFmtId="0" fontId="2" fillId="4" borderId="0" xfId="0" applyFont="1" applyFill="1" applyBorder="1" applyAlignment="1" applyProtection="1">
      <alignment vertical="center"/>
    </xf>
    <xf numFmtId="0" fontId="5" fillId="4" borderId="0" xfId="0" applyFont="1" applyFill="1" applyBorder="1" applyAlignment="1" applyProtection="1">
      <alignment horizontal="right" vertical="center"/>
    </xf>
    <xf numFmtId="0" fontId="5" fillId="4" borderId="0" xfId="0" applyFont="1" applyFill="1" applyBorder="1" applyProtection="1">
      <alignment vertical="center"/>
    </xf>
    <xf numFmtId="0" fontId="5" fillId="4" borderId="0" xfId="0" applyFont="1" applyFill="1" applyBorder="1" applyAlignment="1" applyProtection="1">
      <alignment horizontal="center" vertical="center"/>
    </xf>
    <xf numFmtId="0" fontId="5" fillId="0" borderId="0" xfId="0" applyFont="1" applyBorder="1" applyProtection="1">
      <alignment vertical="center"/>
    </xf>
    <xf numFmtId="0" fontId="2" fillId="4" borderId="0" xfId="0" applyFont="1" applyFill="1" applyBorder="1" applyAlignment="1" applyProtection="1">
      <alignment horizontal="center" vertical="center"/>
    </xf>
    <xf numFmtId="0" fontId="5" fillId="4" borderId="0" xfId="0" applyFont="1" applyFill="1" applyBorder="1" applyAlignment="1" applyProtection="1">
      <alignment vertical="center"/>
    </xf>
    <xf numFmtId="0" fontId="7" fillId="4" borderId="0" xfId="0" applyFont="1" applyFill="1" applyBorder="1" applyAlignment="1" applyProtection="1">
      <alignment horizontal="centerContinuous" vertical="center"/>
    </xf>
    <xf numFmtId="0" fontId="2" fillId="4" borderId="0" xfId="0" applyFont="1" applyFill="1" applyBorder="1" applyAlignment="1" applyProtection="1">
      <alignment horizontal="centerContinuous" vertical="center"/>
    </xf>
    <xf numFmtId="0" fontId="2" fillId="4" borderId="0" xfId="0" applyFont="1" applyFill="1" applyBorder="1" applyProtection="1">
      <alignment vertical="center"/>
    </xf>
    <xf numFmtId="0" fontId="2" fillId="0" borderId="0" xfId="0" applyFont="1" applyBorder="1" applyProtection="1">
      <alignment vertical="center"/>
    </xf>
    <xf numFmtId="0" fontId="2" fillId="0" borderId="0" xfId="0" applyFont="1" applyProtection="1">
      <alignment vertical="center"/>
    </xf>
    <xf numFmtId="0" fontId="7" fillId="0" borderId="0" xfId="0" applyFont="1" applyProtection="1">
      <alignment vertical="center"/>
    </xf>
    <xf numFmtId="20" fontId="2" fillId="4" borderId="0" xfId="0" applyNumberFormat="1" applyFont="1" applyFill="1" applyBorder="1" applyAlignment="1" applyProtection="1">
      <alignment vertical="center"/>
    </xf>
    <xf numFmtId="20" fontId="2" fillId="4" borderId="0" xfId="0" applyNumberFormat="1" applyFont="1" applyFill="1" applyBorder="1" applyAlignment="1" applyProtection="1">
      <alignment horizontal="center" vertical="center"/>
    </xf>
    <xf numFmtId="176" fontId="2" fillId="4" borderId="0" xfId="0" applyNumberFormat="1" applyFont="1" applyFill="1" applyBorder="1" applyAlignment="1" applyProtection="1">
      <alignment vertical="center"/>
    </xf>
    <xf numFmtId="0" fontId="2" fillId="4" borderId="0" xfId="0" applyFont="1" applyFill="1" applyBorder="1" applyAlignment="1" applyProtection="1">
      <alignment horizontal="left" vertical="center"/>
    </xf>
    <xf numFmtId="0" fontId="2" fillId="0" borderId="0" xfId="0" applyFont="1" applyBorder="1" applyAlignment="1" applyProtection="1">
      <alignment horizontal="center" vertical="center"/>
    </xf>
    <xf numFmtId="0" fontId="7" fillId="0" borderId="0" xfId="0" applyFont="1" applyFill="1" applyAlignment="1" applyProtection="1">
      <alignment vertical="center"/>
    </xf>
    <xf numFmtId="0" fontId="7" fillId="0" borderId="0" xfId="0" applyFont="1" applyFill="1" applyAlignment="1" applyProtection="1">
      <alignment horizontal="left" vertical="center"/>
    </xf>
    <xf numFmtId="0" fontId="2" fillId="0" borderId="0" xfId="0" applyFont="1" applyFill="1" applyAlignment="1" applyProtection="1">
      <alignment horizontal="right" vertical="center"/>
    </xf>
    <xf numFmtId="0" fontId="2" fillId="0" borderId="0" xfId="0" applyFont="1" applyFill="1" applyAlignment="1" applyProtection="1">
      <alignment horizontal="center" vertical="center"/>
    </xf>
    <xf numFmtId="0" fontId="8" fillId="0" borderId="0" xfId="0" applyFont="1" applyFill="1" applyAlignment="1" applyProtection="1">
      <alignment vertical="center"/>
    </xf>
    <xf numFmtId="0" fontId="8" fillId="0" borderId="0" xfId="0" applyFont="1" applyFill="1" applyAlignment="1" applyProtection="1">
      <alignment horizontal="left" vertical="center"/>
    </xf>
    <xf numFmtId="0" fontId="8" fillId="0" borderId="0" xfId="0" applyFont="1" applyFill="1" applyBorder="1" applyAlignment="1" applyProtection="1">
      <alignment vertical="center"/>
    </xf>
    <xf numFmtId="0" fontId="8" fillId="0" borderId="0" xfId="0" applyFont="1" applyFill="1" applyAlignment="1" applyProtection="1">
      <alignment horizontal="right" vertical="center"/>
    </xf>
    <xf numFmtId="0" fontId="8" fillId="0" borderId="0" xfId="0" applyFont="1" applyFill="1" applyAlignment="1">
      <alignment horizontal="right" vertical="center"/>
    </xf>
    <xf numFmtId="0" fontId="8" fillId="0" borderId="0" xfId="0" applyFont="1" applyFill="1" applyAlignment="1">
      <alignment vertical="center"/>
    </xf>
    <xf numFmtId="0" fontId="7" fillId="0" borderId="20" xfId="0" applyFont="1" applyFill="1" applyBorder="1" applyAlignment="1" applyProtection="1">
      <alignment horizontal="center" vertical="center"/>
    </xf>
    <xf numFmtId="0" fontId="7" fillId="0" borderId="1" xfId="0" applyFont="1" applyFill="1" applyBorder="1" applyAlignment="1" applyProtection="1">
      <alignment horizontal="center" vertical="center"/>
    </xf>
    <xf numFmtId="0" fontId="7" fillId="0" borderId="21" xfId="0" applyFont="1" applyFill="1" applyBorder="1" applyAlignment="1" applyProtection="1">
      <alignment horizontal="center" vertical="center"/>
    </xf>
    <xf numFmtId="0" fontId="2" fillId="0" borderId="21" xfId="0" applyFont="1" applyFill="1" applyBorder="1" applyAlignment="1" applyProtection="1">
      <alignment horizontal="center" vertical="center"/>
    </xf>
    <xf numFmtId="0" fontId="7" fillId="0" borderId="29" xfId="0" applyNumberFormat="1" applyFont="1" applyFill="1" applyBorder="1" applyAlignment="1" applyProtection="1">
      <alignment horizontal="center" vertical="center" wrapText="1"/>
    </xf>
    <xf numFmtId="0" fontId="7" fillId="0" borderId="30" xfId="0" applyNumberFormat="1" applyFont="1" applyFill="1" applyBorder="1" applyAlignment="1" applyProtection="1">
      <alignment horizontal="center" vertical="center" wrapText="1"/>
    </xf>
    <xf numFmtId="0" fontId="7" fillId="0" borderId="31" xfId="0" applyNumberFormat="1" applyFont="1" applyFill="1" applyBorder="1" applyAlignment="1" applyProtection="1">
      <alignment horizontal="center" vertical="center" wrapText="1"/>
    </xf>
    <xf numFmtId="0" fontId="2" fillId="0" borderId="30" xfId="0" applyNumberFormat="1" applyFont="1" applyFill="1" applyBorder="1" applyAlignment="1" applyProtection="1">
      <alignment horizontal="center" vertical="center" wrapText="1"/>
    </xf>
    <xf numFmtId="0" fontId="2" fillId="0" borderId="32" xfId="0" applyFont="1" applyFill="1" applyBorder="1" applyAlignment="1" applyProtection="1">
      <alignment vertical="center"/>
    </xf>
    <xf numFmtId="177" fontId="2" fillId="3" borderId="38" xfId="0" applyNumberFormat="1" applyFont="1" applyFill="1" applyBorder="1" applyAlignment="1" applyProtection="1">
      <alignment horizontal="center" vertical="center" shrinkToFit="1"/>
      <protection locked="0"/>
    </xf>
    <xf numFmtId="177" fontId="2" fillId="3" borderId="39" xfId="0" applyNumberFormat="1" applyFont="1" applyFill="1" applyBorder="1" applyAlignment="1" applyProtection="1">
      <alignment horizontal="center" vertical="center" shrinkToFit="1"/>
      <protection locked="0"/>
    </xf>
    <xf numFmtId="177" fontId="2" fillId="3" borderId="40" xfId="0" applyNumberFormat="1" applyFont="1" applyFill="1" applyBorder="1" applyAlignment="1" applyProtection="1">
      <alignment horizontal="center" vertical="center" shrinkToFit="1"/>
      <protection locked="0"/>
    </xf>
    <xf numFmtId="0" fontId="2" fillId="0" borderId="41" xfId="0" applyFont="1" applyFill="1" applyBorder="1" applyAlignment="1" applyProtection="1">
      <alignment vertical="center"/>
    </xf>
    <xf numFmtId="177" fontId="2" fillId="3" borderId="42" xfId="0" applyNumberFormat="1" applyFont="1" applyFill="1" applyBorder="1" applyAlignment="1" applyProtection="1">
      <alignment horizontal="center" vertical="center" shrinkToFit="1"/>
      <protection locked="0"/>
    </xf>
    <xf numFmtId="177" fontId="2" fillId="3" borderId="43" xfId="0" applyNumberFormat="1" applyFont="1" applyFill="1" applyBorder="1" applyAlignment="1" applyProtection="1">
      <alignment horizontal="center" vertical="center" shrinkToFit="1"/>
      <protection locked="0"/>
    </xf>
    <xf numFmtId="177" fontId="2" fillId="3" borderId="44" xfId="0" applyNumberFormat="1" applyFont="1" applyFill="1" applyBorder="1" applyAlignment="1" applyProtection="1">
      <alignment horizontal="center" vertical="center" shrinkToFit="1"/>
      <protection locked="0"/>
    </xf>
    <xf numFmtId="0" fontId="2" fillId="0" borderId="45" xfId="0" applyFont="1" applyFill="1" applyBorder="1" applyAlignment="1" applyProtection="1">
      <alignment vertical="center"/>
    </xf>
    <xf numFmtId="177" fontId="2" fillId="3" borderId="29" xfId="0" applyNumberFormat="1" applyFont="1" applyFill="1" applyBorder="1" applyAlignment="1" applyProtection="1">
      <alignment horizontal="center" vertical="center" shrinkToFit="1"/>
      <protection locked="0"/>
    </xf>
    <xf numFmtId="177" fontId="2" fillId="3" borderId="30" xfId="0" applyNumberFormat="1" applyFont="1" applyFill="1" applyBorder="1" applyAlignment="1" applyProtection="1">
      <alignment horizontal="center" vertical="center" shrinkToFit="1"/>
      <protection locked="0"/>
    </xf>
    <xf numFmtId="177" fontId="2" fillId="3" borderId="31" xfId="0" applyNumberFormat="1" applyFont="1" applyFill="1" applyBorder="1" applyAlignment="1" applyProtection="1">
      <alignment horizontal="center" vertical="center" shrinkToFit="1"/>
      <protection locked="0"/>
    </xf>
    <xf numFmtId="0" fontId="10" fillId="0" borderId="0" xfId="0" applyFont="1" applyFill="1" applyAlignment="1" applyProtection="1">
      <alignment vertical="center"/>
    </xf>
    <xf numFmtId="0" fontId="8" fillId="0" borderId="0" xfId="0" applyFont="1" applyFill="1" applyBorder="1" applyAlignment="1" applyProtection="1">
      <alignment vertical="center" shrinkToFit="1"/>
    </xf>
    <xf numFmtId="0" fontId="9" fillId="0" borderId="0" xfId="0" applyFont="1" applyFill="1" applyBorder="1" applyAlignment="1" applyProtection="1">
      <alignment vertical="center" shrinkToFit="1"/>
    </xf>
    <xf numFmtId="0" fontId="8" fillId="0" borderId="0" xfId="0" applyFont="1" applyFill="1" applyBorder="1" applyAlignment="1" applyProtection="1">
      <alignment horizontal="left" vertical="center"/>
    </xf>
    <xf numFmtId="0" fontId="7" fillId="0" borderId="0" xfId="0" applyFont="1" applyFill="1" applyBorder="1" applyAlignment="1" applyProtection="1">
      <alignment vertical="center" shrinkToFit="1"/>
    </xf>
    <xf numFmtId="0" fontId="7" fillId="0" borderId="0" xfId="0" applyFont="1" applyFill="1" applyBorder="1" applyAlignment="1" applyProtection="1">
      <alignment vertical="center"/>
    </xf>
    <xf numFmtId="0" fontId="7" fillId="0" borderId="0" xfId="0" applyFont="1" applyFill="1" applyBorder="1" applyAlignment="1" applyProtection="1">
      <alignment horizontal="left" vertical="center"/>
    </xf>
    <xf numFmtId="0" fontId="7" fillId="4" borderId="0" xfId="0" applyFont="1" applyFill="1" applyBorder="1" applyAlignment="1" applyProtection="1">
      <alignment vertical="center"/>
    </xf>
    <xf numFmtId="0" fontId="7" fillId="4" borderId="0" xfId="0" applyFont="1" applyFill="1" applyBorder="1" applyAlignment="1" applyProtection="1">
      <alignment horizontal="left" vertical="center"/>
    </xf>
    <xf numFmtId="0" fontId="7" fillId="0" borderId="0" xfId="0" applyFont="1" applyFill="1" applyBorder="1" applyAlignment="1" applyProtection="1">
      <alignment horizontal="center" vertical="center"/>
    </xf>
    <xf numFmtId="179" fontId="7" fillId="4" borderId="0" xfId="0" applyNumberFormat="1" applyFont="1" applyFill="1" applyBorder="1" applyAlignment="1" applyProtection="1">
      <alignment horizontal="center" vertical="center"/>
    </xf>
    <xf numFmtId="0" fontId="7" fillId="4" borderId="0" xfId="0" applyFont="1" applyFill="1" applyBorder="1" applyAlignment="1" applyProtection="1">
      <alignment horizontal="center" vertical="center"/>
    </xf>
    <xf numFmtId="181" fontId="7" fillId="4" borderId="0" xfId="1" applyNumberFormat="1" applyFont="1" applyFill="1" applyBorder="1" applyAlignment="1" applyProtection="1">
      <alignment horizontal="right" vertical="center"/>
    </xf>
    <xf numFmtId="0" fontId="7" fillId="0" borderId="0" xfId="0" applyFont="1" applyFill="1" applyBorder="1" applyAlignment="1" applyProtection="1">
      <alignment horizontal="right" vertical="center"/>
    </xf>
    <xf numFmtId="0" fontId="11" fillId="0" borderId="0" xfId="0" applyFont="1" applyFill="1" applyBorder="1" applyAlignment="1" applyProtection="1">
      <alignment vertical="center"/>
    </xf>
    <xf numFmtId="0" fontId="7" fillId="4" borderId="0" xfId="0" applyFont="1" applyFill="1" applyBorder="1" applyAlignment="1" applyProtection="1">
      <alignment horizontal="right" vertical="center"/>
    </xf>
    <xf numFmtId="0" fontId="7" fillId="0" borderId="0" xfId="0" applyFont="1" applyFill="1" applyBorder="1" applyAlignment="1" applyProtection="1">
      <alignment horizontal="left"/>
    </xf>
    <xf numFmtId="0" fontId="7" fillId="0" borderId="0" xfId="0" applyFont="1" applyFill="1" applyBorder="1" applyAlignment="1" applyProtection="1">
      <alignment horizontal="center"/>
    </xf>
    <xf numFmtId="0" fontId="7" fillId="0" borderId="51" xfId="0" applyFont="1" applyFill="1" applyBorder="1" applyAlignment="1" applyProtection="1">
      <alignment horizontal="center" vertical="center"/>
    </xf>
    <xf numFmtId="0" fontId="7" fillId="0" borderId="51" xfId="0" applyFont="1" applyFill="1" applyBorder="1" applyAlignment="1" applyProtection="1">
      <alignment vertical="center"/>
    </xf>
    <xf numFmtId="0" fontId="7" fillId="0" borderId="0" xfId="0" applyFont="1" applyFill="1" applyBorder="1" applyAlignment="1" applyProtection="1">
      <alignment vertical="center" wrapText="1"/>
    </xf>
    <xf numFmtId="0" fontId="7" fillId="0" borderId="0" xfId="0" applyFont="1" applyFill="1" applyBorder="1" applyAlignment="1" applyProtection="1">
      <alignment horizontal="justify" vertical="center" wrapText="1"/>
    </xf>
    <xf numFmtId="0" fontId="8" fillId="0" borderId="0" xfId="0" applyFont="1" applyFill="1" applyBorder="1" applyAlignment="1">
      <alignment horizontal="left" vertical="center"/>
    </xf>
    <xf numFmtId="0" fontId="8" fillId="0" borderId="0" xfId="0" applyFont="1" applyFill="1" applyBorder="1" applyAlignment="1">
      <alignment vertical="center"/>
    </xf>
    <xf numFmtId="0" fontId="8" fillId="0" borderId="0" xfId="0" applyFont="1" applyFill="1" applyBorder="1" applyAlignment="1">
      <alignment vertical="center" wrapText="1"/>
    </xf>
    <xf numFmtId="0" fontId="8" fillId="0" borderId="0" xfId="0" applyFont="1" applyFill="1" applyBorder="1" applyAlignment="1">
      <alignment horizontal="justify" vertical="center" wrapText="1"/>
    </xf>
    <xf numFmtId="0" fontId="0" fillId="4" borderId="0" xfId="0" applyFill="1">
      <alignment vertical="center"/>
    </xf>
    <xf numFmtId="0" fontId="6" fillId="4" borderId="0" xfId="0" applyFont="1" applyFill="1" applyAlignment="1">
      <alignment horizontal="left" vertical="center"/>
    </xf>
    <xf numFmtId="0" fontId="8" fillId="4" borderId="0" xfId="0" applyFont="1" applyFill="1" applyAlignment="1">
      <alignment horizontal="left" vertical="center"/>
    </xf>
    <xf numFmtId="0" fontId="8" fillId="4" borderId="0" xfId="0" applyFont="1" applyFill="1" applyAlignment="1">
      <alignment vertical="center"/>
    </xf>
    <xf numFmtId="0" fontId="8" fillId="3" borderId="1" xfId="0" applyFont="1" applyFill="1" applyBorder="1" applyAlignment="1">
      <alignment horizontal="left" vertical="center"/>
    </xf>
    <xf numFmtId="0" fontId="8" fillId="5" borderId="1" xfId="0" applyFont="1" applyFill="1" applyBorder="1" applyAlignment="1">
      <alignment horizontal="left" vertical="center"/>
    </xf>
    <xf numFmtId="0" fontId="12" fillId="4" borderId="0" xfId="0" applyFont="1" applyFill="1" applyAlignment="1">
      <alignment horizontal="left" vertical="center"/>
    </xf>
    <xf numFmtId="0" fontId="8" fillId="4" borderId="1" xfId="0" applyFont="1" applyFill="1" applyBorder="1" applyAlignment="1">
      <alignment horizontal="center" vertical="center"/>
    </xf>
    <xf numFmtId="0" fontId="8" fillId="4" borderId="1" xfId="0" applyFont="1" applyFill="1" applyBorder="1" applyAlignment="1">
      <alignment horizontal="left" vertical="center"/>
    </xf>
    <xf numFmtId="0" fontId="13" fillId="4" borderId="0" xfId="0" applyFont="1" applyFill="1" applyAlignment="1">
      <alignment horizontal="left" vertical="center"/>
    </xf>
    <xf numFmtId="0" fontId="8" fillId="4" borderId="0" xfId="0" applyFont="1" applyFill="1" applyAlignment="1">
      <alignment horizontal="left" vertical="center" wrapText="1"/>
    </xf>
    <xf numFmtId="0" fontId="13" fillId="4" borderId="0" xfId="0" applyFont="1" applyFill="1" applyBorder="1" applyAlignment="1">
      <alignment horizontal="left" vertical="center"/>
    </xf>
    <xf numFmtId="0" fontId="13" fillId="4" borderId="0" xfId="0" applyFont="1" applyFill="1" applyBorder="1" applyAlignment="1">
      <alignment vertical="center"/>
    </xf>
    <xf numFmtId="0" fontId="8" fillId="4" borderId="0" xfId="0" applyFont="1" applyFill="1" applyBorder="1" applyAlignment="1">
      <alignment vertical="center"/>
    </xf>
    <xf numFmtId="0" fontId="10" fillId="4" borderId="0" xfId="0" applyFont="1" applyFill="1" applyAlignment="1">
      <alignment vertical="center"/>
    </xf>
    <xf numFmtId="0" fontId="13" fillId="4" borderId="0" xfId="0" applyFont="1" applyFill="1" applyBorder="1" applyAlignment="1">
      <alignment vertical="center" shrinkToFit="1"/>
    </xf>
    <xf numFmtId="0" fontId="16" fillId="4" borderId="0" xfId="0" applyFont="1" applyFill="1" applyBorder="1" applyAlignment="1">
      <alignment vertical="center" shrinkToFit="1"/>
    </xf>
    <xf numFmtId="0" fontId="8" fillId="4" borderId="0" xfId="0" applyFont="1" applyFill="1" applyAlignment="1">
      <alignment vertical="center" wrapText="1"/>
    </xf>
    <xf numFmtId="0" fontId="8" fillId="4" borderId="0" xfId="0" applyFont="1" applyFill="1" applyAlignment="1">
      <alignment vertical="center" textRotation="90"/>
    </xf>
    <xf numFmtId="0" fontId="17" fillId="4" borderId="0" xfId="0" applyFont="1" applyFill="1" applyAlignment="1">
      <alignment horizontal="left" vertical="center"/>
    </xf>
    <xf numFmtId="0" fontId="17" fillId="0" borderId="0" xfId="0" applyFont="1" applyAlignment="1">
      <alignment horizontal="left" vertical="center"/>
    </xf>
    <xf numFmtId="0" fontId="19" fillId="4" borderId="0" xfId="0" applyFont="1" applyFill="1" applyAlignment="1">
      <alignment horizontal="left" vertical="center"/>
    </xf>
    <xf numFmtId="0" fontId="20" fillId="4" borderId="0" xfId="0" applyFont="1" applyFill="1" applyAlignment="1">
      <alignment horizontal="center" vertical="center"/>
    </xf>
    <xf numFmtId="0" fontId="20" fillId="4" borderId="0" xfId="0" applyFont="1" applyFill="1">
      <alignment vertical="center"/>
    </xf>
    <xf numFmtId="0" fontId="20" fillId="4" borderId="0" xfId="0" applyFont="1" applyFill="1" applyAlignment="1">
      <alignment horizontal="left" vertical="center"/>
    </xf>
    <xf numFmtId="0" fontId="21" fillId="4" borderId="0" xfId="0" applyFont="1" applyFill="1">
      <alignment vertical="center"/>
    </xf>
    <xf numFmtId="0" fontId="21" fillId="4" borderId="0" xfId="0" applyFont="1" applyFill="1" applyAlignment="1">
      <alignment horizontal="left" vertical="center"/>
    </xf>
    <xf numFmtId="0" fontId="20" fillId="3" borderId="1" xfId="0" applyFont="1" applyFill="1" applyBorder="1" applyAlignment="1" applyProtection="1">
      <alignment horizontal="center" vertical="center"/>
      <protection locked="0"/>
    </xf>
    <xf numFmtId="20" fontId="20" fillId="3" borderId="1" xfId="0" applyNumberFormat="1" applyFont="1" applyFill="1" applyBorder="1" applyAlignment="1" applyProtection="1">
      <alignment horizontal="center" vertical="center"/>
      <protection locked="0"/>
    </xf>
    <xf numFmtId="0" fontId="20" fillId="4" borderId="1" xfId="0" applyFont="1" applyFill="1" applyBorder="1" applyAlignment="1">
      <alignment horizontal="center" vertical="center"/>
    </xf>
    <xf numFmtId="184" fontId="20" fillId="4" borderId="1" xfId="0" applyNumberFormat="1" applyFont="1" applyFill="1" applyBorder="1" applyAlignment="1">
      <alignment horizontal="center" vertical="center"/>
    </xf>
    <xf numFmtId="0" fontId="20" fillId="3" borderId="1" xfId="0" applyFont="1" applyFill="1" applyBorder="1" applyAlignment="1" applyProtection="1">
      <alignment horizontal="left" vertical="center"/>
      <protection locked="0"/>
    </xf>
    <xf numFmtId="0" fontId="20" fillId="4" borderId="1" xfId="1" applyNumberFormat="1" applyFont="1" applyFill="1" applyBorder="1" applyAlignment="1" applyProtection="1">
      <alignment horizontal="center" vertical="center"/>
    </xf>
    <xf numFmtId="20" fontId="20" fillId="4" borderId="1" xfId="0" applyNumberFormat="1" applyFont="1" applyFill="1" applyBorder="1" applyAlignment="1">
      <alignment horizontal="center" vertical="center"/>
    </xf>
    <xf numFmtId="0" fontId="22" fillId="4" borderId="0" xfId="0" applyFont="1" applyFill="1" applyAlignment="1">
      <alignment horizontal="left" vertical="center"/>
    </xf>
    <xf numFmtId="0" fontId="2" fillId="0" borderId="0" xfId="0" applyFont="1">
      <alignment vertical="center"/>
    </xf>
    <xf numFmtId="0" fontId="2" fillId="0" borderId="0" xfId="0" applyFont="1" applyAlignment="1">
      <alignment horizontal="left" vertical="center"/>
    </xf>
    <xf numFmtId="0" fontId="5" fillId="0" borderId="0" xfId="0" applyFont="1" applyAlignment="1">
      <alignment horizontal="left" vertical="center"/>
    </xf>
    <xf numFmtId="0" fontId="6" fillId="0" borderId="0" xfId="0" applyFont="1" applyAlignment="1">
      <alignment horizontal="left" vertical="center"/>
    </xf>
    <xf numFmtId="0" fontId="5" fillId="0" borderId="0" xfId="0" applyFont="1" applyAlignment="1">
      <alignment horizontal="right" vertical="center"/>
    </xf>
    <xf numFmtId="0" fontId="5" fillId="0" borderId="0" xfId="0" applyFont="1">
      <alignment vertical="center"/>
    </xf>
    <xf numFmtId="0" fontId="5" fillId="4" borderId="0" xfId="0" applyFont="1" applyFill="1">
      <alignment vertical="center"/>
    </xf>
    <xf numFmtId="0" fontId="5" fillId="4" borderId="0" xfId="0" applyFont="1" applyFill="1" applyAlignment="1">
      <alignment horizontal="center" vertical="center"/>
    </xf>
    <xf numFmtId="0" fontId="2" fillId="4" borderId="0" xfId="0" quotePrefix="1" applyFont="1" applyFill="1">
      <alignment vertical="center"/>
    </xf>
    <xf numFmtId="0" fontId="5" fillId="0" borderId="0" xfId="0" applyFont="1" applyAlignment="1">
      <alignment horizontal="center" vertical="center"/>
    </xf>
    <xf numFmtId="0" fontId="2" fillId="0" borderId="0" xfId="0" applyFont="1" applyAlignment="1">
      <alignment horizontal="right" vertical="center"/>
    </xf>
    <xf numFmtId="0" fontId="2" fillId="0" borderId="0" xfId="0" applyFont="1" applyAlignment="1">
      <alignment horizontal="center" vertical="center"/>
    </xf>
    <xf numFmtId="0" fontId="2" fillId="4" borderId="0" xfId="0" applyFont="1" applyFill="1">
      <alignment vertical="center"/>
    </xf>
    <xf numFmtId="0" fontId="7" fillId="0" borderId="0" xfId="0" applyFont="1">
      <alignment vertical="center"/>
    </xf>
    <xf numFmtId="0" fontId="2" fillId="4" borderId="0" xfId="0" applyFont="1" applyFill="1" applyAlignment="1">
      <alignment horizontal="center" vertical="center"/>
    </xf>
    <xf numFmtId="20" fontId="2" fillId="4" borderId="0" xfId="0" applyNumberFormat="1" applyFont="1" applyFill="1">
      <alignment vertical="center"/>
    </xf>
    <xf numFmtId="0" fontId="2" fillId="4" borderId="0" xfId="0" applyFont="1" applyFill="1" applyAlignment="1">
      <alignment horizontal="right" vertical="center"/>
    </xf>
    <xf numFmtId="176" fontId="2" fillId="4" borderId="0" xfId="0" applyNumberFormat="1" applyFont="1" applyFill="1">
      <alignment vertical="center"/>
    </xf>
    <xf numFmtId="0" fontId="2" fillId="4" borderId="0" xfId="0" applyFont="1" applyFill="1" applyAlignment="1">
      <alignment horizontal="left" vertical="center"/>
    </xf>
    <xf numFmtId="176" fontId="2" fillId="0" borderId="0" xfId="0" applyNumberFormat="1" applyFont="1">
      <alignment vertical="center"/>
    </xf>
    <xf numFmtId="20" fontId="2" fillId="0" borderId="0" xfId="0" applyNumberFormat="1" applyFont="1">
      <alignment vertical="center"/>
    </xf>
    <xf numFmtId="0" fontId="7" fillId="0" borderId="0" xfId="0" applyFont="1" applyAlignment="1">
      <alignment horizontal="left" vertical="center"/>
    </xf>
    <xf numFmtId="0" fontId="2" fillId="4" borderId="0" xfId="0" applyFont="1" applyFill="1" applyProtection="1">
      <alignment vertical="center"/>
      <protection locked="0"/>
    </xf>
    <xf numFmtId="1" fontId="2" fillId="4" borderId="0" xfId="0" applyNumberFormat="1" applyFont="1" applyFill="1">
      <alignment vertical="center"/>
    </xf>
    <xf numFmtId="0" fontId="7" fillId="0" borderId="0" xfId="0" applyFont="1" applyAlignment="1">
      <alignment horizontal="right" vertical="center"/>
    </xf>
    <xf numFmtId="0" fontId="7" fillId="0" borderId="0" xfId="0" applyFont="1" applyAlignment="1"/>
    <xf numFmtId="0" fontId="7" fillId="0" borderId="0" xfId="0" applyFont="1" applyAlignment="1">
      <alignment horizontal="center" vertical="center"/>
    </xf>
    <xf numFmtId="0" fontId="8" fillId="4" borderId="0" xfId="0" applyFont="1" applyFill="1">
      <alignment vertical="center"/>
    </xf>
    <xf numFmtId="0" fontId="8" fillId="0" borderId="0" xfId="0" applyFont="1">
      <alignment vertical="center"/>
    </xf>
    <xf numFmtId="0" fontId="7" fillId="0" borderId="0" xfId="0" applyFont="1" applyAlignment="1">
      <alignment horizontal="left"/>
    </xf>
    <xf numFmtId="0" fontId="8" fillId="0" borderId="0" xfId="0" applyFont="1" applyAlignment="1">
      <alignment horizontal="left" vertical="center"/>
    </xf>
    <xf numFmtId="20" fontId="5" fillId="0" borderId="0" xfId="0" applyNumberFormat="1" applyFont="1">
      <alignment vertical="center"/>
    </xf>
    <xf numFmtId="0" fontId="6" fillId="0" borderId="0" xfId="0" applyFont="1" applyAlignment="1">
      <alignment horizontal="right" vertical="center"/>
    </xf>
    <xf numFmtId="0" fontId="10" fillId="0" borderId="0" xfId="0" applyFont="1" applyAlignment="1"/>
    <xf numFmtId="0" fontId="8" fillId="0" borderId="0" xfId="0" applyFont="1" applyAlignment="1">
      <alignment horizontal="right" vertical="center"/>
    </xf>
    <xf numFmtId="0" fontId="2" fillId="0" borderId="6" xfId="0" applyFont="1" applyBorder="1" applyAlignment="1">
      <alignment horizontal="center" vertical="center" wrapText="1"/>
    </xf>
    <xf numFmtId="0" fontId="2" fillId="0" borderId="14" xfId="0" applyFont="1" applyBorder="1" applyAlignment="1">
      <alignment horizontal="center" vertical="center" wrapText="1"/>
    </xf>
    <xf numFmtId="0" fontId="7" fillId="0" borderId="20" xfId="0" applyFont="1" applyBorder="1" applyAlignment="1">
      <alignment horizontal="center" vertical="center"/>
    </xf>
    <xf numFmtId="0" fontId="7" fillId="0" borderId="1" xfId="0" applyFont="1" applyBorder="1" applyAlignment="1">
      <alignment horizontal="center" vertical="center"/>
    </xf>
    <xf numFmtId="0" fontId="7" fillId="0" borderId="21" xfId="0" applyFont="1" applyBorder="1" applyAlignment="1">
      <alignment horizontal="center" vertical="center"/>
    </xf>
    <xf numFmtId="0" fontId="7" fillId="0" borderId="3" xfId="0" applyFont="1" applyBorder="1" applyAlignment="1">
      <alignment horizontal="center" vertical="center"/>
    </xf>
    <xf numFmtId="0" fontId="2" fillId="0" borderId="26" xfId="0" applyFont="1" applyBorder="1" applyAlignment="1">
      <alignment horizontal="center" vertical="center" wrapText="1"/>
    </xf>
    <xf numFmtId="0" fontId="7" fillId="0" borderId="29" xfId="0" applyFont="1" applyBorder="1" applyAlignment="1">
      <alignment horizontal="center" vertical="center" wrapText="1"/>
    </xf>
    <xf numFmtId="0" fontId="7" fillId="0" borderId="30" xfId="0" applyFont="1" applyBorder="1" applyAlignment="1">
      <alignment horizontal="center" vertical="center" wrapText="1"/>
    </xf>
    <xf numFmtId="0" fontId="7" fillId="0" borderId="31" xfId="0" applyFont="1" applyBorder="1" applyAlignment="1">
      <alignment horizontal="center" vertical="center" wrapText="1"/>
    </xf>
    <xf numFmtId="0" fontId="2" fillId="2" borderId="6" xfId="0" applyFont="1" applyFill="1" applyBorder="1" applyAlignment="1" applyProtection="1">
      <alignment horizontal="center" vertical="center" wrapText="1"/>
      <protection locked="0"/>
    </xf>
    <xf numFmtId="0" fontId="2" fillId="2" borderId="60" xfId="0" applyFont="1" applyFill="1" applyBorder="1" applyAlignment="1" applyProtection="1">
      <alignment horizontal="center" vertical="center" shrinkToFit="1"/>
      <protection locked="0"/>
    </xf>
    <xf numFmtId="0" fontId="2" fillId="2" borderId="61" xfId="0" applyFont="1" applyFill="1" applyBorder="1" applyAlignment="1" applyProtection="1">
      <alignment horizontal="center" vertical="center" shrinkToFit="1"/>
      <protection locked="0"/>
    </xf>
    <xf numFmtId="0" fontId="2" fillId="2" borderId="62" xfId="0" applyFont="1" applyFill="1" applyBorder="1" applyAlignment="1" applyProtection="1">
      <alignment horizontal="center" vertical="center" shrinkToFit="1"/>
      <protection locked="0"/>
    </xf>
    <xf numFmtId="0" fontId="2" fillId="2" borderId="14" xfId="0" applyFont="1" applyFill="1" applyBorder="1" applyAlignment="1" applyProtection="1">
      <alignment horizontal="center" vertical="center" wrapText="1"/>
      <protection locked="0"/>
    </xf>
    <xf numFmtId="177" fontId="2" fillId="0" borderId="70" xfId="0" applyNumberFormat="1" applyFont="1" applyBorder="1" applyAlignment="1">
      <alignment horizontal="center" vertical="center" shrinkToFit="1"/>
    </xf>
    <xf numFmtId="177" fontId="2" fillId="0" borderId="71" xfId="0" applyNumberFormat="1" applyFont="1" applyBorder="1" applyAlignment="1">
      <alignment horizontal="center" vertical="center" shrinkToFit="1"/>
    </xf>
    <xf numFmtId="177" fontId="2" fillId="0" borderId="72" xfId="0" applyNumberFormat="1" applyFont="1" applyBorder="1" applyAlignment="1">
      <alignment horizontal="center" vertical="center" shrinkToFit="1"/>
    </xf>
    <xf numFmtId="0" fontId="2" fillId="2" borderId="77" xfId="0" applyFont="1" applyFill="1" applyBorder="1" applyAlignment="1" applyProtection="1">
      <alignment horizontal="center" vertical="center" wrapText="1"/>
      <protection locked="0"/>
    </xf>
    <xf numFmtId="177" fontId="2" fillId="0" borderId="81" xfId="0" applyNumberFormat="1" applyFont="1" applyBorder="1" applyAlignment="1">
      <alignment horizontal="center" vertical="center" shrinkToFit="1"/>
    </xf>
    <xf numFmtId="177" fontId="2" fillId="0" borderId="82" xfId="0" applyNumberFormat="1" applyFont="1" applyBorder="1" applyAlignment="1">
      <alignment horizontal="center" vertical="center" shrinkToFit="1"/>
    </xf>
    <xf numFmtId="177" fontId="2" fillId="0" borderId="83" xfId="0" applyNumberFormat="1" applyFont="1" applyBorder="1" applyAlignment="1">
      <alignment horizontal="center" vertical="center" shrinkToFit="1"/>
    </xf>
    <xf numFmtId="0" fontId="2" fillId="2" borderId="90" xfId="0" applyFont="1" applyFill="1" applyBorder="1" applyAlignment="1" applyProtection="1">
      <alignment horizontal="center" vertical="center" wrapText="1"/>
      <protection locked="0"/>
    </xf>
    <xf numFmtId="0" fontId="2" fillId="2" borderId="26" xfId="0" applyFont="1" applyFill="1" applyBorder="1" applyAlignment="1" applyProtection="1">
      <alignment horizontal="center" vertical="center" wrapText="1"/>
      <protection locked="0"/>
    </xf>
    <xf numFmtId="0" fontId="8" fillId="4" borderId="104" xfId="0" applyFont="1" applyFill="1" applyBorder="1">
      <alignment vertical="center"/>
    </xf>
    <xf numFmtId="0" fontId="25" fillId="4" borderId="105" xfId="0" applyFont="1" applyFill="1" applyBorder="1" applyAlignment="1">
      <alignment horizontal="center" vertical="center"/>
    </xf>
    <xf numFmtId="0" fontId="8" fillId="4" borderId="105" xfId="0" applyFont="1" applyFill="1" applyBorder="1" applyAlignment="1">
      <alignment horizontal="center" vertical="center" wrapText="1"/>
    </xf>
    <xf numFmtId="0" fontId="8" fillId="4" borderId="105" xfId="0" applyFont="1" applyFill="1" applyBorder="1" applyAlignment="1">
      <alignment horizontal="center" vertical="center" shrinkToFit="1"/>
    </xf>
    <xf numFmtId="0" fontId="24" fillId="4" borderId="105" xfId="0" applyFont="1" applyFill="1" applyBorder="1" applyAlignment="1">
      <alignment horizontal="center" vertical="center" wrapText="1"/>
    </xf>
    <xf numFmtId="1" fontId="8" fillId="4" borderId="105" xfId="0" applyNumberFormat="1" applyFont="1" applyFill="1" applyBorder="1" applyAlignment="1">
      <alignment horizontal="center" vertical="center" wrapText="1"/>
    </xf>
    <xf numFmtId="0" fontId="8" fillId="4" borderId="106" xfId="0" applyFont="1" applyFill="1" applyBorder="1" applyAlignment="1">
      <alignment horizontal="center" vertical="center" wrapText="1"/>
    </xf>
    <xf numFmtId="0" fontId="8" fillId="0" borderId="33" xfId="0" applyFont="1" applyBorder="1">
      <alignment vertical="center"/>
    </xf>
    <xf numFmtId="0" fontId="8" fillId="0" borderId="36" xfId="0" applyFont="1" applyBorder="1" applyAlignment="1">
      <alignment vertical="center" wrapText="1"/>
    </xf>
    <xf numFmtId="177" fontId="7" fillId="4" borderId="107" xfId="0" applyNumberFormat="1" applyFont="1" applyFill="1" applyBorder="1" applyAlignment="1">
      <alignment horizontal="center" vertical="center" shrinkToFit="1"/>
    </xf>
    <xf numFmtId="177" fontId="7" fillId="4" borderId="52" xfId="0" applyNumberFormat="1" applyFont="1" applyFill="1" applyBorder="1" applyAlignment="1">
      <alignment horizontal="center" vertical="center" shrinkToFit="1"/>
    </xf>
    <xf numFmtId="177" fontId="7" fillId="4" borderId="108" xfId="0" applyNumberFormat="1" applyFont="1" applyFill="1" applyBorder="1" applyAlignment="1">
      <alignment horizontal="center" vertical="center" shrinkToFit="1"/>
    </xf>
    <xf numFmtId="0" fontId="8" fillId="0" borderId="17" xfId="0" applyFont="1" applyBorder="1">
      <alignment vertical="center"/>
    </xf>
    <xf numFmtId="0" fontId="8" fillId="0" borderId="18" xfId="0" applyFont="1" applyBorder="1" applyAlignment="1">
      <alignment vertical="center" wrapText="1"/>
    </xf>
    <xf numFmtId="177" fontId="7" fillId="4" borderId="20" xfId="0" applyNumberFormat="1" applyFont="1" applyFill="1" applyBorder="1" applyAlignment="1">
      <alignment horizontal="center" vertical="center" shrinkToFit="1"/>
    </xf>
    <xf numFmtId="177" fontId="7" fillId="4" borderId="1" xfId="0" applyNumberFormat="1" applyFont="1" applyFill="1" applyBorder="1" applyAlignment="1">
      <alignment horizontal="center" vertical="center" shrinkToFit="1"/>
    </xf>
    <xf numFmtId="177" fontId="7" fillId="4" borderId="21" xfId="0" applyNumberFormat="1" applyFont="1" applyFill="1" applyBorder="1" applyAlignment="1">
      <alignment horizontal="center" vertical="center" shrinkToFit="1"/>
    </xf>
    <xf numFmtId="177" fontId="7" fillId="3" borderId="20" xfId="0" applyNumberFormat="1" applyFont="1" applyFill="1" applyBorder="1" applyAlignment="1" applyProtection="1">
      <alignment horizontal="center" vertical="center" shrinkToFit="1"/>
      <protection locked="0"/>
    </xf>
    <xf numFmtId="177" fontId="7" fillId="3" borderId="1" xfId="0" applyNumberFormat="1" applyFont="1" applyFill="1" applyBorder="1" applyAlignment="1" applyProtection="1">
      <alignment horizontal="center" vertical="center" shrinkToFit="1"/>
      <protection locked="0"/>
    </xf>
    <xf numFmtId="177" fontId="7" fillId="3" borderId="21" xfId="0" applyNumberFormat="1" applyFont="1" applyFill="1" applyBorder="1" applyAlignment="1" applyProtection="1">
      <alignment horizontal="center" vertical="center" shrinkToFit="1"/>
      <protection locked="0"/>
    </xf>
    <xf numFmtId="0" fontId="8" fillId="0" borderId="46" xfId="0" applyFont="1" applyBorder="1">
      <alignment vertical="center"/>
    </xf>
    <xf numFmtId="0" fontId="8" fillId="0" borderId="49" xfId="0" applyFont="1" applyBorder="1" applyAlignment="1">
      <alignment vertical="center" wrapText="1"/>
    </xf>
    <xf numFmtId="177" fontId="7" fillId="0" borderId="20" xfId="0" applyNumberFormat="1" applyFont="1" applyBorder="1" applyAlignment="1">
      <alignment horizontal="center" vertical="center" shrinkToFit="1"/>
    </xf>
    <xf numFmtId="177" fontId="7" fillId="0" borderId="1" xfId="0" applyNumberFormat="1" applyFont="1" applyBorder="1" applyAlignment="1">
      <alignment horizontal="center" vertical="center" shrinkToFit="1"/>
    </xf>
    <xf numFmtId="177" fontId="7" fillId="0" borderId="21" xfId="0" applyNumberFormat="1" applyFont="1" applyBorder="1" applyAlignment="1">
      <alignment horizontal="center" vertical="center" shrinkToFit="1"/>
    </xf>
    <xf numFmtId="177" fontId="7" fillId="4" borderId="10" xfId="0" applyNumberFormat="1" applyFont="1" applyFill="1" applyBorder="1" applyAlignment="1">
      <alignment horizontal="center" vertical="center" shrinkToFit="1"/>
    </xf>
    <xf numFmtId="177" fontId="7" fillId="4" borderId="118" xfId="0" applyNumberFormat="1" applyFont="1" applyFill="1" applyBorder="1" applyAlignment="1">
      <alignment horizontal="center" vertical="center" shrinkToFit="1"/>
    </xf>
    <xf numFmtId="177" fontId="7" fillId="4" borderId="11" xfId="0" applyNumberFormat="1" applyFont="1" applyFill="1" applyBorder="1" applyAlignment="1">
      <alignment horizontal="center" vertical="center" shrinkToFit="1"/>
    </xf>
    <xf numFmtId="177" fontId="7" fillId="4" borderId="34" xfId="0" applyNumberFormat="1" applyFont="1" applyFill="1" applyBorder="1" applyAlignment="1">
      <alignment horizontal="center" vertical="center" shrinkToFit="1"/>
    </xf>
    <xf numFmtId="177" fontId="7" fillId="4" borderId="3" xfId="0" applyNumberFormat="1" applyFont="1" applyFill="1" applyBorder="1" applyAlignment="1">
      <alignment horizontal="center" vertical="center" shrinkToFit="1"/>
    </xf>
    <xf numFmtId="177" fontId="7" fillId="4" borderId="29" xfId="0" applyNumberFormat="1" applyFont="1" applyFill="1" applyBorder="1" applyAlignment="1">
      <alignment horizontal="center" vertical="center" shrinkToFit="1"/>
    </xf>
    <xf numFmtId="177" fontId="7" fillId="4" borderId="30" xfId="0" applyNumberFormat="1" applyFont="1" applyFill="1" applyBorder="1" applyAlignment="1">
      <alignment horizontal="center" vertical="center" shrinkToFit="1"/>
    </xf>
    <xf numFmtId="177" fontId="7" fillId="4" borderId="31" xfId="0" applyNumberFormat="1" applyFont="1" applyFill="1" applyBorder="1" applyAlignment="1">
      <alignment horizontal="center" vertical="center" shrinkToFit="1"/>
    </xf>
    <xf numFmtId="177" fontId="7" fillId="4" borderId="47" xfId="0" applyNumberFormat="1" applyFont="1" applyFill="1" applyBorder="1" applyAlignment="1">
      <alignment horizontal="center" vertical="center" shrinkToFit="1"/>
    </xf>
    <xf numFmtId="0" fontId="10" fillId="0" borderId="0" xfId="0" applyFont="1">
      <alignment vertical="center"/>
    </xf>
    <xf numFmtId="0" fontId="8" fillId="0" borderId="0" xfId="0" applyFont="1" applyAlignment="1">
      <alignment vertical="center" shrinkToFit="1"/>
    </xf>
    <xf numFmtId="0" fontId="9" fillId="0" borderId="0" xfId="0" applyFont="1" applyAlignment="1">
      <alignment vertical="center" shrinkToFit="1"/>
    </xf>
    <xf numFmtId="0" fontId="8" fillId="0" borderId="0" xfId="0" applyFont="1" applyAlignment="1">
      <alignment vertical="center" wrapText="1"/>
    </xf>
    <xf numFmtId="0" fontId="7" fillId="0" borderId="0" xfId="0" applyFont="1" applyAlignment="1">
      <alignment vertical="center" wrapText="1"/>
    </xf>
    <xf numFmtId="0" fontId="7" fillId="0" borderId="0" xfId="0" applyFont="1" applyAlignment="1">
      <alignment horizontal="justify" vertical="center" wrapText="1"/>
    </xf>
    <xf numFmtId="0" fontId="8" fillId="0" borderId="0" xfId="0" applyFont="1" applyAlignment="1">
      <alignment vertical="center" textRotation="90"/>
    </xf>
    <xf numFmtId="0" fontId="8" fillId="2" borderId="1" xfId="0" applyFont="1" applyFill="1" applyBorder="1" applyAlignment="1">
      <alignment horizontal="left" vertical="center"/>
    </xf>
    <xf numFmtId="0" fontId="8" fillId="4" borderId="0" xfId="0" applyFont="1" applyFill="1" applyAlignment="1">
      <alignment horizontal="center" vertical="center"/>
    </xf>
    <xf numFmtId="0" fontId="13" fillId="4" borderId="0" xfId="0" applyFont="1" applyFill="1">
      <alignment vertical="center"/>
    </xf>
    <xf numFmtId="0" fontId="10" fillId="4" borderId="0" xfId="0" applyFont="1" applyFill="1">
      <alignment vertical="center"/>
    </xf>
    <xf numFmtId="0" fontId="13" fillId="4" borderId="0" xfId="0" applyFont="1" applyFill="1" applyAlignment="1">
      <alignment vertical="center" shrinkToFit="1"/>
    </xf>
    <xf numFmtId="0" fontId="7" fillId="4" borderId="0" xfId="0" applyFont="1" applyFill="1" applyAlignment="1"/>
    <xf numFmtId="0" fontId="7" fillId="4" borderId="0" xfId="0" applyFont="1" applyFill="1">
      <alignment vertical="center"/>
    </xf>
    <xf numFmtId="0" fontId="7" fillId="4" borderId="0" xfId="0" applyFont="1" applyFill="1" applyAlignment="1">
      <alignment vertical="center" wrapText="1"/>
    </xf>
    <xf numFmtId="0" fontId="7" fillId="4" borderId="0" xfId="0" applyFont="1" applyFill="1" applyAlignment="1">
      <alignment horizontal="justify" vertical="center" wrapText="1"/>
    </xf>
    <xf numFmtId="0" fontId="26" fillId="4" borderId="0" xfId="0" applyFont="1" applyFill="1">
      <alignment vertical="center"/>
    </xf>
    <xf numFmtId="0" fontId="27" fillId="0" borderId="0" xfId="2" applyAlignment="1">
      <alignment vertical="center"/>
    </xf>
    <xf numFmtId="0" fontId="27" fillId="0" borderId="9" xfId="2" applyBorder="1" applyAlignment="1">
      <alignment vertical="center"/>
    </xf>
    <xf numFmtId="0" fontId="27" fillId="0" borderId="5" xfId="2" applyBorder="1" applyAlignment="1">
      <alignment vertical="center"/>
    </xf>
    <xf numFmtId="0" fontId="27" fillId="0" borderId="8" xfId="2" applyBorder="1" applyAlignment="1">
      <alignment vertical="center"/>
    </xf>
    <xf numFmtId="0" fontId="27" fillId="0" borderId="53" xfId="2" applyBorder="1" applyAlignment="1">
      <alignment vertical="center"/>
    </xf>
    <xf numFmtId="0" fontId="27" fillId="0" borderId="90" xfId="2" applyBorder="1" applyAlignment="1">
      <alignment vertical="center"/>
    </xf>
    <xf numFmtId="0" fontId="27" fillId="0" borderId="91" xfId="2" applyBorder="1" applyAlignment="1">
      <alignment vertical="center"/>
    </xf>
    <xf numFmtId="0" fontId="27" fillId="0" borderId="88" xfId="2" applyBorder="1" applyAlignment="1">
      <alignment vertical="center"/>
    </xf>
    <xf numFmtId="0" fontId="27" fillId="0" borderId="16" xfId="2" applyBorder="1" applyAlignment="1">
      <alignment vertical="center"/>
    </xf>
    <xf numFmtId="0" fontId="27" fillId="0" borderId="54" xfId="2" applyBorder="1" applyAlignment="1">
      <alignment vertical="center"/>
    </xf>
    <xf numFmtId="0" fontId="27" fillId="0" borderId="15" xfId="2" applyBorder="1" applyAlignment="1">
      <alignment horizontal="center" vertical="center"/>
    </xf>
    <xf numFmtId="0" fontId="27" fillId="0" borderId="54" xfId="2" applyBorder="1" applyAlignment="1">
      <alignment horizontal="center" vertical="center"/>
    </xf>
    <xf numFmtId="0" fontId="27" fillId="0" borderId="0" xfId="2" applyAlignment="1">
      <alignment horizontal="center" vertical="center"/>
    </xf>
    <xf numFmtId="0" fontId="27" fillId="0" borderId="89" xfId="2" applyBorder="1" applyAlignment="1">
      <alignment vertical="center"/>
    </xf>
    <xf numFmtId="0" fontId="27" fillId="0" borderId="14" xfId="2" applyBorder="1" applyAlignment="1">
      <alignment vertical="center"/>
    </xf>
    <xf numFmtId="0" fontId="27" fillId="0" borderId="100" xfId="2" applyBorder="1" applyAlignment="1">
      <alignment vertical="center"/>
    </xf>
    <xf numFmtId="0" fontId="27" fillId="0" borderId="77" xfId="2" applyBorder="1" applyAlignment="1">
      <alignment vertical="center"/>
    </xf>
    <xf numFmtId="0" fontId="27" fillId="0" borderId="51" xfId="2" applyBorder="1" applyAlignment="1">
      <alignment vertical="center"/>
    </xf>
    <xf numFmtId="0" fontId="27" fillId="0" borderId="15" xfId="2" applyBorder="1" applyAlignment="1">
      <alignment vertical="center"/>
    </xf>
    <xf numFmtId="0" fontId="27" fillId="0" borderId="76" xfId="2" applyBorder="1" applyAlignment="1">
      <alignment vertical="center"/>
    </xf>
    <xf numFmtId="0" fontId="27" fillId="0" borderId="55" xfId="2" applyBorder="1" applyAlignment="1">
      <alignment vertical="center"/>
    </xf>
    <xf numFmtId="0" fontId="27" fillId="0" borderId="25" xfId="2" applyBorder="1" applyAlignment="1">
      <alignment vertical="center"/>
    </xf>
    <xf numFmtId="0" fontId="27" fillId="0" borderId="28" xfId="2" applyBorder="1" applyAlignment="1">
      <alignment vertical="center"/>
    </xf>
    <xf numFmtId="0" fontId="27" fillId="0" borderId="0" xfId="2" applyAlignment="1">
      <alignment horizontal="right" vertical="center"/>
    </xf>
    <xf numFmtId="0" fontId="29" fillId="4" borderId="0" xfId="3" applyFont="1" applyFill="1" applyAlignment="1">
      <alignment horizontal="left" vertical="top"/>
    </xf>
    <xf numFmtId="0" fontId="29" fillId="4" borderId="0" xfId="3" applyFont="1" applyFill="1" applyAlignment="1">
      <alignment horizontal="left" vertical="center"/>
    </xf>
    <xf numFmtId="0" fontId="29" fillId="4" borderId="0" xfId="3" applyFont="1" applyFill="1" applyAlignment="1">
      <alignment horizontal="right" vertical="center"/>
    </xf>
    <xf numFmtId="0" fontId="32" fillId="4" borderId="0" xfId="3" applyFont="1" applyFill="1" applyAlignment="1">
      <alignment horizontal="left" vertical="top"/>
    </xf>
    <xf numFmtId="0" fontId="27" fillId="4" borderId="122" xfId="3" applyFont="1" applyFill="1" applyBorder="1" applyAlignment="1">
      <alignment horizontal="left" vertical="center" wrapText="1"/>
    </xf>
    <xf numFmtId="0" fontId="31" fillId="4" borderId="123" xfId="3" applyFont="1" applyFill="1" applyBorder="1" applyAlignment="1">
      <alignment horizontal="left" vertical="center" wrapText="1"/>
    </xf>
    <xf numFmtId="0" fontId="31" fillId="4" borderId="0" xfId="3" applyFont="1" applyFill="1" applyAlignment="1">
      <alignment horizontal="left" vertical="top"/>
    </xf>
    <xf numFmtId="0" fontId="27" fillId="4" borderId="124" xfId="3" applyFont="1" applyFill="1" applyBorder="1" applyAlignment="1">
      <alignment horizontal="left" vertical="center" wrapText="1"/>
    </xf>
    <xf numFmtId="0" fontId="31" fillId="4" borderId="125" xfId="3" applyFont="1" applyFill="1" applyBorder="1" applyAlignment="1">
      <alignment horizontal="left" vertical="center" wrapText="1"/>
    </xf>
    <xf numFmtId="0" fontId="27" fillId="4" borderId="0" xfId="3" applyFont="1" applyFill="1" applyAlignment="1">
      <alignment horizontal="left" vertical="center" wrapText="1"/>
    </xf>
    <xf numFmtId="0" fontId="31" fillId="4" borderId="0" xfId="3" applyFont="1" applyFill="1" applyAlignment="1">
      <alignment horizontal="left" vertical="center" wrapText="1"/>
    </xf>
    <xf numFmtId="0" fontId="27" fillId="4" borderId="0" xfId="3" applyFont="1" applyFill="1" applyAlignment="1">
      <alignment horizontal="left" vertical="top" wrapText="1"/>
    </xf>
    <xf numFmtId="0" fontId="33" fillId="4" borderId="0" xfId="3" applyFont="1" applyFill="1" applyAlignment="1">
      <alignment horizontal="left" vertical="top"/>
    </xf>
    <xf numFmtId="0" fontId="34" fillId="4" borderId="0" xfId="3" applyFont="1" applyFill="1" applyAlignment="1">
      <alignment horizontal="center" vertical="center"/>
    </xf>
    <xf numFmtId="0" fontId="32" fillId="4" borderId="0" xfId="3" applyFont="1" applyFill="1" applyAlignment="1">
      <alignment vertical="center"/>
    </xf>
    <xf numFmtId="0" fontId="32" fillId="4" borderId="0" xfId="3" applyFont="1" applyFill="1" applyAlignment="1">
      <alignment horizontal="center" vertical="center"/>
    </xf>
    <xf numFmtId="0" fontId="32" fillId="4" borderId="0" xfId="3" applyFont="1" applyFill="1" applyAlignment="1">
      <alignment horizontal="left" vertical="center"/>
    </xf>
    <xf numFmtId="0" fontId="29" fillId="4" borderId="0" xfId="3" applyFont="1" applyFill="1"/>
    <xf numFmtId="0" fontId="33" fillId="4" borderId="0" xfId="3" applyFont="1" applyFill="1" applyAlignment="1">
      <alignment horizontal="left"/>
    </xf>
    <xf numFmtId="0" fontId="30" fillId="4" borderId="0" xfId="3" applyFont="1" applyFill="1" applyAlignment="1">
      <alignment horizontal="right" vertical="top"/>
    </xf>
    <xf numFmtId="0" fontId="33" fillId="4" borderId="51" xfId="3" applyFont="1" applyFill="1" applyBorder="1"/>
    <xf numFmtId="0" fontId="29" fillId="4" borderId="88" xfId="3" applyFont="1" applyFill="1" applyBorder="1" applyAlignment="1">
      <alignment vertical="center"/>
    </xf>
    <xf numFmtId="0" fontId="32" fillId="4" borderId="0" xfId="3" applyFont="1" applyFill="1" applyAlignment="1">
      <alignment horizontal="center" vertical="top"/>
    </xf>
    <xf numFmtId="0" fontId="29" fillId="4" borderId="15" xfId="3" applyFont="1" applyFill="1" applyBorder="1" applyAlignment="1">
      <alignment horizontal="left" vertical="top"/>
    </xf>
    <xf numFmtId="0" fontId="29" fillId="4" borderId="100" xfId="3" applyFont="1" applyFill="1" applyBorder="1" applyAlignment="1">
      <alignment horizontal="left" vertical="top"/>
    </xf>
    <xf numFmtId="0" fontId="2" fillId="0" borderId="4" xfId="0" applyFont="1" applyFill="1" applyBorder="1" applyAlignment="1" applyProtection="1">
      <alignment horizontal="center" vertical="center"/>
    </xf>
    <xf numFmtId="0" fontId="2" fillId="0" borderId="13" xfId="0" applyFont="1" applyFill="1" applyBorder="1" applyAlignment="1" applyProtection="1">
      <alignment horizontal="center" vertical="center"/>
    </xf>
    <xf numFmtId="0" fontId="2" fillId="0" borderId="24" xfId="0" applyFont="1" applyFill="1" applyBorder="1" applyAlignment="1" applyProtection="1">
      <alignment horizontal="center" vertical="center"/>
    </xf>
    <xf numFmtId="0" fontId="2" fillId="0" borderId="5" xfId="0" applyFont="1" applyFill="1" applyBorder="1" applyAlignment="1" applyProtection="1">
      <alignment horizontal="center" vertical="center" wrapText="1"/>
    </xf>
    <xf numFmtId="0" fontId="2" fillId="0" borderId="6"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0" fontId="2" fillId="0" borderId="14" xfId="0" applyFont="1" applyFill="1" applyBorder="1" applyAlignment="1" applyProtection="1">
      <alignment horizontal="center" vertical="center" wrapText="1"/>
    </xf>
    <xf numFmtId="0" fontId="2" fillId="0" borderId="25" xfId="0" applyFont="1" applyFill="1" applyBorder="1" applyAlignment="1" applyProtection="1">
      <alignment horizontal="center" vertical="center" wrapText="1"/>
    </xf>
    <xf numFmtId="0" fontId="2" fillId="0" borderId="26" xfId="0" applyFont="1" applyFill="1" applyBorder="1" applyAlignment="1" applyProtection="1">
      <alignment horizontal="center" vertical="center" wrapText="1"/>
    </xf>
    <xf numFmtId="0" fontId="2" fillId="0" borderId="7" xfId="0" applyFont="1" applyFill="1" applyBorder="1" applyAlignment="1" applyProtection="1">
      <alignment horizontal="center" vertical="center" wrapText="1"/>
    </xf>
    <xf numFmtId="0" fontId="2" fillId="0" borderId="15" xfId="0" applyFont="1" applyFill="1" applyBorder="1" applyAlignment="1" applyProtection="1">
      <alignment horizontal="center" vertical="center" wrapText="1"/>
    </xf>
    <xf numFmtId="0" fontId="2" fillId="0" borderId="27" xfId="0" applyFont="1" applyFill="1" applyBorder="1" applyAlignment="1" applyProtection="1">
      <alignment horizontal="center" vertical="center" wrapText="1"/>
    </xf>
    <xf numFmtId="0" fontId="2" fillId="0" borderId="8" xfId="0" applyFont="1" applyFill="1" applyBorder="1" applyAlignment="1" applyProtection="1">
      <alignment horizontal="center" vertical="center" wrapText="1"/>
    </xf>
    <xf numFmtId="0" fontId="2" fillId="0" borderId="16" xfId="0" applyFont="1" applyFill="1" applyBorder="1" applyAlignment="1" applyProtection="1">
      <alignment horizontal="center" vertical="center" wrapText="1"/>
    </xf>
    <xf numFmtId="0" fontId="2" fillId="0" borderId="28" xfId="0" applyFont="1" applyFill="1" applyBorder="1" applyAlignment="1" applyProtection="1">
      <alignment horizontal="center" vertical="center" wrapText="1"/>
    </xf>
    <xf numFmtId="0" fontId="2" fillId="0" borderId="9" xfId="0" quotePrefix="1" applyFont="1" applyFill="1" applyBorder="1" applyAlignment="1" applyProtection="1">
      <alignment horizontal="center" vertical="center"/>
    </xf>
    <xf numFmtId="0" fontId="2" fillId="0" borderId="5" xfId="0" applyFont="1" applyFill="1" applyBorder="1" applyAlignment="1" applyProtection="1">
      <alignment horizontal="center" vertical="center"/>
    </xf>
    <xf numFmtId="0" fontId="5" fillId="2" borderId="0" xfId="0" applyFont="1" applyFill="1" applyAlignment="1" applyProtection="1">
      <alignment horizontal="center" vertical="center"/>
      <protection locked="0"/>
    </xf>
    <xf numFmtId="0" fontId="5" fillId="3" borderId="0" xfId="0" applyFont="1" applyFill="1" applyAlignment="1" applyProtection="1">
      <alignment horizontal="center" vertical="center"/>
      <protection locked="0"/>
    </xf>
    <xf numFmtId="0" fontId="5" fillId="0" borderId="0" xfId="0" applyFont="1" applyFill="1" applyAlignment="1" applyProtection="1">
      <alignment horizontal="center" vertical="center"/>
    </xf>
    <xf numFmtId="0" fontId="2" fillId="2" borderId="1" xfId="0" applyFont="1" applyFill="1" applyBorder="1" applyAlignment="1" applyProtection="1">
      <alignment horizontal="center" vertical="center"/>
      <protection locked="0"/>
    </xf>
    <xf numFmtId="0" fontId="8" fillId="0" borderId="10" xfId="0" applyFont="1" applyFill="1" applyBorder="1" applyAlignment="1" applyProtection="1">
      <alignment horizontal="center" vertical="center" wrapText="1"/>
    </xf>
    <xf numFmtId="0" fontId="8" fillId="0" borderId="11" xfId="0" applyFont="1" applyFill="1" applyBorder="1" applyAlignment="1" applyProtection="1">
      <alignment horizontal="center" vertical="center" wrapText="1"/>
    </xf>
    <xf numFmtId="0" fontId="8" fillId="0" borderId="20" xfId="0" applyFont="1" applyFill="1" applyBorder="1" applyAlignment="1" applyProtection="1">
      <alignment horizontal="center" vertical="center" wrapText="1"/>
    </xf>
    <xf numFmtId="0" fontId="8" fillId="0" borderId="21" xfId="0" applyFont="1" applyFill="1" applyBorder="1" applyAlignment="1" applyProtection="1">
      <alignment horizontal="center" vertical="center" wrapText="1"/>
    </xf>
    <xf numFmtId="0" fontId="8" fillId="0" borderId="22" xfId="0" applyFont="1" applyFill="1" applyBorder="1" applyAlignment="1" applyProtection="1">
      <alignment horizontal="center" vertical="center" wrapText="1"/>
    </xf>
    <xf numFmtId="0" fontId="8" fillId="0" borderId="23" xfId="0" applyFont="1" applyFill="1" applyBorder="1" applyAlignment="1" applyProtection="1">
      <alignment horizontal="center" vertical="center" wrapText="1"/>
    </xf>
    <xf numFmtId="0" fontId="8" fillId="0" borderId="29" xfId="0" applyFont="1" applyFill="1" applyBorder="1" applyAlignment="1" applyProtection="1">
      <alignment horizontal="center" vertical="center" wrapText="1"/>
    </xf>
    <xf numFmtId="0" fontId="8" fillId="0" borderId="31" xfId="0" applyFont="1" applyFill="1" applyBorder="1" applyAlignment="1" applyProtection="1">
      <alignment horizontal="center" vertical="center" wrapText="1"/>
    </xf>
    <xf numFmtId="0" fontId="2" fillId="0" borderId="12" xfId="0" applyFont="1" applyFill="1" applyBorder="1" applyAlignment="1" applyProtection="1">
      <alignment horizontal="center" vertical="center" wrapText="1"/>
    </xf>
    <xf numFmtId="0" fontId="2" fillId="0" borderId="4" xfId="0" applyFont="1" applyFill="1" applyBorder="1" applyAlignment="1" applyProtection="1">
      <alignment horizontal="center" vertical="center" wrapText="1"/>
    </xf>
    <xf numFmtId="0" fontId="2" fillId="0" borderId="17" xfId="0" applyFont="1" applyFill="1" applyBorder="1" applyAlignment="1" applyProtection="1">
      <alignment horizontal="center" vertical="center"/>
    </xf>
    <xf numFmtId="0" fontId="2" fillId="0" borderId="18" xfId="0" applyFont="1" applyFill="1" applyBorder="1" applyAlignment="1" applyProtection="1">
      <alignment horizontal="center" vertical="center"/>
    </xf>
    <xf numFmtId="0" fontId="2" fillId="0" borderId="19" xfId="0" applyFont="1" applyFill="1" applyBorder="1" applyAlignment="1" applyProtection="1">
      <alignment horizontal="center" vertical="center"/>
    </xf>
    <xf numFmtId="0" fontId="2" fillId="3" borderId="2" xfId="0" applyFont="1" applyFill="1" applyBorder="1" applyAlignment="1" applyProtection="1">
      <alignment horizontal="center" vertical="center"/>
      <protection locked="0"/>
    </xf>
    <xf numFmtId="0" fontId="2" fillId="3" borderId="3" xfId="0" applyFont="1" applyFill="1" applyBorder="1" applyAlignment="1" applyProtection="1">
      <alignment horizontal="center" vertical="center"/>
      <protection locked="0"/>
    </xf>
    <xf numFmtId="0" fontId="2" fillId="4" borderId="2" xfId="0" applyNumberFormat="1" applyFont="1" applyFill="1" applyBorder="1" applyAlignment="1" applyProtection="1">
      <alignment horizontal="center" vertical="center"/>
    </xf>
    <xf numFmtId="0" fontId="2" fillId="4" borderId="3" xfId="0" applyNumberFormat="1" applyFont="1" applyFill="1" applyBorder="1" applyAlignment="1" applyProtection="1">
      <alignment horizontal="center" vertical="center"/>
    </xf>
    <xf numFmtId="0" fontId="2" fillId="3" borderId="33" xfId="0" applyFont="1" applyFill="1" applyBorder="1" applyAlignment="1" applyProtection="1">
      <alignment horizontal="left" vertical="center" wrapText="1"/>
      <protection locked="0"/>
    </xf>
    <xf numFmtId="0" fontId="2" fillId="3" borderId="36" xfId="0" applyFont="1" applyFill="1" applyBorder="1" applyAlignment="1" applyProtection="1">
      <alignment horizontal="left" vertical="center" wrapText="1"/>
      <protection locked="0"/>
    </xf>
    <xf numFmtId="0" fontId="2" fillId="3" borderId="37" xfId="0" applyFont="1" applyFill="1" applyBorder="1" applyAlignment="1" applyProtection="1">
      <alignment horizontal="left" vertical="center" wrapText="1"/>
      <protection locked="0"/>
    </xf>
    <xf numFmtId="0" fontId="8" fillId="2" borderId="17" xfId="0" applyFont="1" applyFill="1" applyBorder="1" applyAlignment="1" applyProtection="1">
      <alignment horizontal="center" vertical="center" wrapText="1"/>
      <protection locked="0"/>
    </xf>
    <xf numFmtId="0" fontId="8" fillId="2" borderId="3" xfId="0" applyFont="1" applyFill="1" applyBorder="1" applyAlignment="1" applyProtection="1">
      <alignment horizontal="center" vertical="center" wrapText="1"/>
      <protection locked="0"/>
    </xf>
    <xf numFmtId="0" fontId="2" fillId="2" borderId="2" xfId="0" applyFont="1" applyFill="1" applyBorder="1" applyAlignment="1" applyProtection="1">
      <alignment horizontal="center" vertical="center" wrapText="1"/>
      <protection locked="0"/>
    </xf>
    <xf numFmtId="0" fontId="2" fillId="2" borderId="3" xfId="0" applyFont="1" applyFill="1" applyBorder="1" applyAlignment="1" applyProtection="1">
      <alignment horizontal="center" vertical="center" wrapText="1"/>
      <protection locked="0"/>
    </xf>
    <xf numFmtId="0" fontId="2" fillId="2" borderId="2" xfId="0" applyFont="1" applyFill="1" applyBorder="1" applyAlignment="1" applyProtection="1">
      <alignment horizontal="center" vertical="center" shrinkToFit="1"/>
      <protection locked="0"/>
    </xf>
    <xf numFmtId="0" fontId="2" fillId="2" borderId="18" xfId="0" applyFont="1" applyFill="1" applyBorder="1" applyAlignment="1" applyProtection="1">
      <alignment horizontal="center" vertical="center" shrinkToFit="1"/>
      <protection locked="0"/>
    </xf>
    <xf numFmtId="0" fontId="2" fillId="2" borderId="3" xfId="0" applyFont="1" applyFill="1" applyBorder="1" applyAlignment="1" applyProtection="1">
      <alignment horizontal="center" vertical="center" shrinkToFit="1"/>
      <protection locked="0"/>
    </xf>
    <xf numFmtId="0" fontId="2" fillId="3" borderId="2" xfId="0" applyFont="1" applyFill="1" applyBorder="1" applyAlignment="1" applyProtection="1">
      <alignment horizontal="center" vertical="center" wrapText="1"/>
      <protection locked="0"/>
    </xf>
    <xf numFmtId="0" fontId="2" fillId="3" borderId="18" xfId="0" applyFont="1" applyFill="1" applyBorder="1" applyAlignment="1" applyProtection="1">
      <alignment horizontal="center" vertical="center" wrapText="1"/>
      <protection locked="0"/>
    </xf>
    <xf numFmtId="0" fontId="2" fillId="3" borderId="19" xfId="0" applyFont="1" applyFill="1" applyBorder="1" applyAlignment="1" applyProtection="1">
      <alignment horizontal="center" vertical="center" wrapText="1"/>
      <protection locked="0"/>
    </xf>
    <xf numFmtId="177" fontId="5" fillId="4" borderId="17" xfId="0" applyNumberFormat="1" applyFont="1" applyFill="1" applyBorder="1" applyAlignment="1" applyProtection="1">
      <alignment horizontal="center" vertical="center" wrapText="1"/>
    </xf>
    <xf numFmtId="177" fontId="5" fillId="4" borderId="19" xfId="0" applyNumberFormat="1" applyFont="1" applyFill="1" applyBorder="1" applyAlignment="1" applyProtection="1">
      <alignment horizontal="center" vertical="center" wrapText="1"/>
    </xf>
    <xf numFmtId="177" fontId="5" fillId="4" borderId="17" xfId="1" applyNumberFormat="1" applyFont="1" applyFill="1" applyBorder="1" applyAlignment="1" applyProtection="1">
      <alignment horizontal="center" vertical="center" wrapText="1"/>
    </xf>
    <xf numFmtId="177" fontId="5" fillId="4" borderId="19" xfId="1" applyNumberFormat="1" applyFont="1" applyFill="1" applyBorder="1" applyAlignment="1" applyProtection="1">
      <alignment horizontal="center" vertical="center" wrapText="1"/>
    </xf>
    <xf numFmtId="0" fontId="2" fillId="3" borderId="17" xfId="0" applyFont="1" applyFill="1" applyBorder="1" applyAlignment="1" applyProtection="1">
      <alignment horizontal="left" vertical="center" wrapText="1"/>
      <protection locked="0"/>
    </xf>
    <xf numFmtId="0" fontId="2" fillId="3" borderId="18" xfId="0" applyFont="1" applyFill="1" applyBorder="1" applyAlignment="1" applyProtection="1">
      <alignment horizontal="left" vertical="center" wrapText="1"/>
      <protection locked="0"/>
    </xf>
    <xf numFmtId="0" fontId="2" fillId="3" borderId="19" xfId="0" applyFont="1" applyFill="1" applyBorder="1" applyAlignment="1" applyProtection="1">
      <alignment horizontal="left" vertical="center" wrapText="1"/>
      <protection locked="0"/>
    </xf>
    <xf numFmtId="0" fontId="8" fillId="2" borderId="33" xfId="0" applyFont="1" applyFill="1" applyBorder="1" applyAlignment="1" applyProtection="1">
      <alignment horizontal="center" vertical="center" wrapText="1"/>
      <protection locked="0"/>
    </xf>
    <xf numFmtId="0" fontId="8" fillId="2" borderId="34" xfId="0" applyFont="1" applyFill="1" applyBorder="1" applyAlignment="1" applyProtection="1">
      <alignment horizontal="center" vertical="center" wrapText="1"/>
      <protection locked="0"/>
    </xf>
    <xf numFmtId="0" fontId="2" fillId="2" borderId="35" xfId="0" applyFont="1" applyFill="1" applyBorder="1" applyAlignment="1" applyProtection="1">
      <alignment horizontal="center" vertical="center" wrapText="1"/>
      <protection locked="0"/>
    </xf>
    <xf numFmtId="0" fontId="2" fillId="2" borderId="34" xfId="0" applyFont="1" applyFill="1" applyBorder="1" applyAlignment="1" applyProtection="1">
      <alignment horizontal="center" vertical="center" wrapText="1"/>
      <protection locked="0"/>
    </xf>
    <xf numFmtId="0" fontId="2" fillId="2" borderId="35" xfId="0" applyFont="1" applyFill="1" applyBorder="1" applyAlignment="1" applyProtection="1">
      <alignment horizontal="center" vertical="center" shrinkToFit="1"/>
      <protection locked="0"/>
    </xf>
    <xf numFmtId="0" fontId="2" fillId="2" borderId="36" xfId="0" applyFont="1" applyFill="1" applyBorder="1" applyAlignment="1" applyProtection="1">
      <alignment horizontal="center" vertical="center" shrinkToFit="1"/>
      <protection locked="0"/>
    </xf>
    <xf numFmtId="0" fontId="2" fillId="2" borderId="34" xfId="0" applyFont="1" applyFill="1" applyBorder="1" applyAlignment="1" applyProtection="1">
      <alignment horizontal="center" vertical="center" shrinkToFit="1"/>
      <protection locked="0"/>
    </xf>
    <xf numFmtId="0" fontId="2" fillId="3" borderId="35" xfId="0" applyFont="1" applyFill="1" applyBorder="1" applyAlignment="1" applyProtection="1">
      <alignment horizontal="center" vertical="center" wrapText="1"/>
      <protection locked="0"/>
    </xf>
    <xf numFmtId="0" fontId="2" fillId="3" borderId="36" xfId="0" applyFont="1" applyFill="1" applyBorder="1" applyAlignment="1" applyProtection="1">
      <alignment horizontal="center" vertical="center" wrapText="1"/>
      <protection locked="0"/>
    </xf>
    <xf numFmtId="0" fontId="2" fillId="3" borderId="37" xfId="0" applyFont="1" applyFill="1" applyBorder="1" applyAlignment="1" applyProtection="1">
      <alignment horizontal="center" vertical="center" wrapText="1"/>
      <protection locked="0"/>
    </xf>
    <xf numFmtId="177" fontId="5" fillId="4" borderId="33" xfId="0" applyNumberFormat="1" applyFont="1" applyFill="1" applyBorder="1" applyAlignment="1" applyProtection="1">
      <alignment horizontal="center" vertical="center" wrapText="1"/>
    </xf>
    <xf numFmtId="177" fontId="5" fillId="4" borderId="37" xfId="0" applyNumberFormat="1" applyFont="1" applyFill="1" applyBorder="1" applyAlignment="1" applyProtection="1">
      <alignment horizontal="center" vertical="center" wrapText="1"/>
    </xf>
    <xf numFmtId="177" fontId="5" fillId="4" borderId="33" xfId="1" applyNumberFormat="1" applyFont="1" applyFill="1" applyBorder="1" applyAlignment="1" applyProtection="1">
      <alignment horizontal="center" vertical="center" wrapText="1"/>
    </xf>
    <xf numFmtId="177" fontId="5" fillId="4" borderId="37" xfId="1" applyNumberFormat="1" applyFont="1" applyFill="1" applyBorder="1" applyAlignment="1" applyProtection="1">
      <alignment horizontal="center" vertical="center" wrapText="1"/>
    </xf>
    <xf numFmtId="0" fontId="8" fillId="2" borderId="46" xfId="0" applyFont="1" applyFill="1" applyBorder="1" applyAlignment="1" applyProtection="1">
      <alignment horizontal="center" vertical="center" wrapText="1"/>
      <protection locked="0"/>
    </xf>
    <xf numFmtId="0" fontId="8" fillId="2" borderId="47" xfId="0" applyFont="1" applyFill="1" applyBorder="1" applyAlignment="1" applyProtection="1">
      <alignment horizontal="center" vertical="center" wrapText="1"/>
      <protection locked="0"/>
    </xf>
    <xf numFmtId="0" fontId="2" fillId="2" borderId="48" xfId="0" applyFont="1" applyFill="1" applyBorder="1" applyAlignment="1" applyProtection="1">
      <alignment horizontal="center" vertical="center" wrapText="1"/>
      <protection locked="0"/>
    </xf>
    <xf numFmtId="0" fontId="2" fillId="2" borderId="47" xfId="0" applyFont="1" applyFill="1" applyBorder="1" applyAlignment="1" applyProtection="1">
      <alignment horizontal="center" vertical="center" wrapText="1"/>
      <protection locked="0"/>
    </xf>
    <xf numFmtId="0" fontId="2" fillId="2" borderId="48" xfId="0" applyFont="1" applyFill="1" applyBorder="1" applyAlignment="1" applyProtection="1">
      <alignment horizontal="center" vertical="center" shrinkToFit="1"/>
      <protection locked="0"/>
    </xf>
    <xf numFmtId="0" fontId="2" fillId="2" borderId="49" xfId="0" applyFont="1" applyFill="1" applyBorder="1" applyAlignment="1" applyProtection="1">
      <alignment horizontal="center" vertical="center" shrinkToFit="1"/>
      <protection locked="0"/>
    </xf>
    <xf numFmtId="0" fontId="2" fillId="2" borderId="47" xfId="0" applyFont="1" applyFill="1" applyBorder="1" applyAlignment="1" applyProtection="1">
      <alignment horizontal="center" vertical="center" shrinkToFit="1"/>
      <protection locked="0"/>
    </xf>
    <xf numFmtId="0" fontId="2" fillId="3" borderId="48" xfId="0" applyFont="1" applyFill="1" applyBorder="1" applyAlignment="1" applyProtection="1">
      <alignment horizontal="center" vertical="center" wrapText="1"/>
      <protection locked="0"/>
    </xf>
    <xf numFmtId="0" fontId="2" fillId="3" borderId="49" xfId="0" applyFont="1" applyFill="1" applyBorder="1" applyAlignment="1" applyProtection="1">
      <alignment horizontal="center" vertical="center" wrapText="1"/>
      <protection locked="0"/>
    </xf>
    <xf numFmtId="0" fontId="2" fillId="3" borderId="50" xfId="0" applyFont="1" applyFill="1" applyBorder="1" applyAlignment="1" applyProtection="1">
      <alignment horizontal="center" vertical="center" wrapText="1"/>
      <protection locked="0"/>
    </xf>
    <xf numFmtId="177" fontId="5" fillId="4" borderId="46" xfId="0" applyNumberFormat="1" applyFont="1" applyFill="1" applyBorder="1" applyAlignment="1" applyProtection="1">
      <alignment horizontal="center" vertical="center" wrapText="1"/>
    </xf>
    <xf numFmtId="177" fontId="5" fillId="4" borderId="50" xfId="0" applyNumberFormat="1" applyFont="1" applyFill="1" applyBorder="1" applyAlignment="1" applyProtection="1">
      <alignment horizontal="center" vertical="center" wrapText="1"/>
    </xf>
    <xf numFmtId="177" fontId="5" fillId="4" borderId="46" xfId="1" applyNumberFormat="1" applyFont="1" applyFill="1" applyBorder="1" applyAlignment="1" applyProtection="1">
      <alignment horizontal="center" vertical="center" wrapText="1"/>
    </xf>
    <xf numFmtId="177" fontId="5" fillId="4" borderId="50" xfId="1" applyNumberFormat="1" applyFont="1" applyFill="1" applyBorder="1" applyAlignment="1" applyProtection="1">
      <alignment horizontal="center" vertical="center" wrapText="1"/>
    </xf>
    <xf numFmtId="0" fontId="2" fillId="3" borderId="46" xfId="0" applyFont="1" applyFill="1" applyBorder="1" applyAlignment="1" applyProtection="1">
      <alignment horizontal="left" vertical="center" wrapText="1"/>
      <protection locked="0"/>
    </xf>
    <xf numFmtId="0" fontId="2" fillId="3" borderId="49" xfId="0" applyFont="1" applyFill="1" applyBorder="1" applyAlignment="1" applyProtection="1">
      <alignment horizontal="left" vertical="center" wrapText="1"/>
      <protection locked="0"/>
    </xf>
    <xf numFmtId="0" fontId="2" fillId="3" borderId="50" xfId="0" applyFont="1" applyFill="1" applyBorder="1" applyAlignment="1" applyProtection="1">
      <alignment horizontal="left" vertical="center" wrapText="1"/>
      <protection locked="0"/>
    </xf>
    <xf numFmtId="176" fontId="7" fillId="4" borderId="0" xfId="0" applyNumberFormat="1" applyFont="1" applyFill="1" applyBorder="1" applyAlignment="1" applyProtection="1">
      <alignment horizontal="center" vertical="center"/>
    </xf>
    <xf numFmtId="0" fontId="6" fillId="0" borderId="2" xfId="0" applyFont="1" applyFill="1" applyBorder="1" applyAlignment="1" applyProtection="1">
      <alignment horizontal="center" vertical="center"/>
    </xf>
    <xf numFmtId="0" fontId="6" fillId="0" borderId="18" xfId="0" applyFont="1" applyFill="1" applyBorder="1" applyAlignment="1" applyProtection="1">
      <alignment horizontal="center" vertical="center"/>
    </xf>
    <xf numFmtId="0" fontId="6" fillId="0" borderId="3" xfId="0" applyFont="1" applyFill="1" applyBorder="1" applyAlignment="1" applyProtection="1">
      <alignment horizontal="center" vertical="center"/>
    </xf>
    <xf numFmtId="178" fontId="7" fillId="0" borderId="2" xfId="0" applyNumberFormat="1" applyFont="1" applyFill="1" applyBorder="1" applyAlignment="1" applyProtection="1">
      <alignment horizontal="center" vertical="center"/>
    </xf>
    <xf numFmtId="178" fontId="7" fillId="0" borderId="3" xfId="0" applyNumberFormat="1" applyFont="1" applyFill="1" applyBorder="1" applyAlignment="1" applyProtection="1">
      <alignment horizontal="center" vertical="center"/>
    </xf>
    <xf numFmtId="0" fontId="7" fillId="0" borderId="2" xfId="0" applyFont="1" applyFill="1" applyBorder="1" applyAlignment="1" applyProtection="1">
      <alignment horizontal="center" vertical="center"/>
    </xf>
    <xf numFmtId="0" fontId="7" fillId="0" borderId="3" xfId="0" applyFont="1" applyFill="1" applyBorder="1" applyAlignment="1" applyProtection="1">
      <alignment horizontal="center" vertical="center"/>
    </xf>
    <xf numFmtId="0" fontId="7" fillId="0" borderId="51" xfId="0" applyFont="1" applyFill="1" applyBorder="1" applyAlignment="1" applyProtection="1">
      <alignment horizontal="center" vertical="center"/>
    </xf>
    <xf numFmtId="0" fontId="7" fillId="0" borderId="51" xfId="0" applyFont="1" applyFill="1" applyBorder="1" applyAlignment="1" applyProtection="1">
      <alignment horizontal="right" vertical="center"/>
    </xf>
    <xf numFmtId="0" fontId="7" fillId="0" borderId="0" xfId="0" applyFont="1" applyFill="1" applyBorder="1" applyAlignment="1" applyProtection="1">
      <alignment horizontal="center" vertical="center"/>
    </xf>
    <xf numFmtId="0" fontId="8" fillId="0" borderId="0" xfId="0" applyFont="1" applyFill="1" applyBorder="1" applyAlignment="1" applyProtection="1">
      <alignment horizontal="center" vertical="center" wrapText="1"/>
    </xf>
    <xf numFmtId="0" fontId="7" fillId="0" borderId="18" xfId="0" applyFont="1" applyFill="1" applyBorder="1" applyAlignment="1" applyProtection="1">
      <alignment horizontal="center" vertical="center"/>
    </xf>
    <xf numFmtId="179" fontId="7" fillId="4" borderId="0" xfId="0" applyNumberFormat="1" applyFont="1" applyFill="1" applyBorder="1" applyAlignment="1" applyProtection="1">
      <alignment horizontal="center" vertical="center"/>
    </xf>
    <xf numFmtId="180" fontId="7" fillId="3" borderId="1" xfId="1" applyNumberFormat="1" applyFont="1" applyFill="1" applyBorder="1" applyAlignment="1" applyProtection="1">
      <alignment horizontal="right" vertical="center"/>
      <protection locked="0"/>
    </xf>
    <xf numFmtId="180" fontId="7" fillId="0" borderId="1" xfId="1" applyNumberFormat="1" applyFont="1" applyFill="1" applyBorder="1" applyAlignment="1" applyProtection="1">
      <alignment horizontal="right" vertical="center"/>
    </xf>
    <xf numFmtId="0" fontId="7" fillId="0" borderId="2" xfId="0" applyFont="1" applyFill="1" applyBorder="1" applyAlignment="1" applyProtection="1">
      <alignment horizontal="right" vertical="center"/>
    </xf>
    <xf numFmtId="0" fontId="7" fillId="0" borderId="3" xfId="0" applyFont="1" applyFill="1" applyBorder="1" applyAlignment="1" applyProtection="1">
      <alignment horizontal="right" vertical="center"/>
    </xf>
    <xf numFmtId="181" fontId="7" fillId="0" borderId="2" xfId="1" applyNumberFormat="1" applyFont="1" applyFill="1" applyBorder="1" applyAlignment="1" applyProtection="1">
      <alignment horizontal="right" vertical="center"/>
    </xf>
    <xf numFmtId="181" fontId="7" fillId="0" borderId="3" xfId="1" applyNumberFormat="1" applyFont="1" applyFill="1" applyBorder="1" applyAlignment="1" applyProtection="1">
      <alignment horizontal="right" vertical="center"/>
    </xf>
    <xf numFmtId="0" fontId="7" fillId="3" borderId="2" xfId="0" applyFont="1" applyFill="1" applyBorder="1" applyAlignment="1" applyProtection="1">
      <alignment horizontal="right" vertical="center"/>
      <protection locked="0"/>
    </xf>
    <xf numFmtId="0" fontId="7" fillId="3" borderId="3" xfId="0" applyFont="1" applyFill="1" applyBorder="1" applyAlignment="1" applyProtection="1">
      <alignment horizontal="right" vertical="center"/>
      <protection locked="0"/>
    </xf>
    <xf numFmtId="176" fontId="7" fillId="3" borderId="2" xfId="0" applyNumberFormat="1" applyFont="1" applyFill="1" applyBorder="1" applyAlignment="1" applyProtection="1">
      <alignment horizontal="right" vertical="center"/>
      <protection locked="0"/>
    </xf>
    <xf numFmtId="176" fontId="7" fillId="3" borderId="3" xfId="0" applyNumberFormat="1" applyFont="1" applyFill="1" applyBorder="1" applyAlignment="1" applyProtection="1">
      <alignment horizontal="right" vertical="center"/>
      <protection locked="0"/>
    </xf>
    <xf numFmtId="0" fontId="7" fillId="4" borderId="0" xfId="0" applyFont="1" applyFill="1" applyBorder="1" applyAlignment="1" applyProtection="1">
      <alignment horizontal="center" vertical="center" wrapText="1"/>
    </xf>
    <xf numFmtId="180" fontId="7" fillId="3" borderId="2" xfId="1" applyNumberFormat="1" applyFont="1" applyFill="1" applyBorder="1" applyAlignment="1" applyProtection="1">
      <alignment horizontal="right" vertical="center"/>
      <protection locked="0"/>
    </xf>
    <xf numFmtId="180" fontId="7" fillId="3" borderId="3" xfId="1" applyNumberFormat="1" applyFont="1" applyFill="1" applyBorder="1" applyAlignment="1" applyProtection="1">
      <alignment horizontal="right" vertical="center"/>
      <protection locked="0"/>
    </xf>
    <xf numFmtId="180" fontId="7" fillId="0" borderId="2" xfId="1" applyNumberFormat="1" applyFont="1" applyFill="1" applyBorder="1" applyAlignment="1" applyProtection="1">
      <alignment horizontal="right" vertical="center"/>
    </xf>
    <xf numFmtId="180" fontId="7" fillId="0" borderId="3" xfId="1" applyNumberFormat="1" applyFont="1" applyFill="1" applyBorder="1" applyAlignment="1" applyProtection="1">
      <alignment horizontal="right" vertical="center"/>
    </xf>
    <xf numFmtId="0" fontId="7" fillId="4" borderId="0" xfId="0" applyFont="1" applyFill="1" applyBorder="1" applyAlignment="1" applyProtection="1">
      <alignment horizontal="center" vertical="center"/>
    </xf>
    <xf numFmtId="0" fontId="7" fillId="4" borderId="0" xfId="0" applyFont="1" applyFill="1" applyBorder="1" applyAlignment="1" applyProtection="1">
      <alignment horizontal="right" vertical="center"/>
    </xf>
    <xf numFmtId="181" fontId="7" fillId="4" borderId="0" xfId="1" applyNumberFormat="1" applyFont="1" applyFill="1" applyBorder="1" applyAlignment="1" applyProtection="1">
      <alignment horizontal="right" vertical="center"/>
    </xf>
    <xf numFmtId="181" fontId="7" fillId="3" borderId="2" xfId="1" applyNumberFormat="1" applyFont="1" applyFill="1" applyBorder="1" applyAlignment="1" applyProtection="1">
      <alignment horizontal="right" vertical="center"/>
      <protection locked="0"/>
    </xf>
    <xf numFmtId="181" fontId="7" fillId="3" borderId="3" xfId="1" applyNumberFormat="1" applyFont="1" applyFill="1" applyBorder="1" applyAlignment="1" applyProtection="1">
      <alignment horizontal="right" vertical="center"/>
      <protection locked="0"/>
    </xf>
    <xf numFmtId="180" fontId="7" fillId="0" borderId="1" xfId="0" applyNumberFormat="1" applyFont="1" applyFill="1" applyBorder="1" applyAlignment="1" applyProtection="1">
      <alignment horizontal="center" vertical="center"/>
    </xf>
    <xf numFmtId="180" fontId="7" fillId="4" borderId="2" xfId="0" applyNumberFormat="1" applyFont="1" applyFill="1" applyBorder="1" applyAlignment="1" applyProtection="1">
      <alignment horizontal="center" vertical="center"/>
    </xf>
    <xf numFmtId="180" fontId="7" fillId="4" borderId="3" xfId="0" applyNumberFormat="1" applyFont="1" applyFill="1" applyBorder="1" applyAlignment="1" applyProtection="1">
      <alignment horizontal="center" vertical="center"/>
    </xf>
    <xf numFmtId="0" fontId="7" fillId="2" borderId="2" xfId="0" applyFont="1" applyFill="1" applyBorder="1" applyAlignment="1" applyProtection="1">
      <alignment horizontal="center" vertical="center"/>
      <protection locked="0"/>
    </xf>
    <xf numFmtId="0" fontId="7" fillId="2" borderId="3" xfId="0" applyFont="1" applyFill="1" applyBorder="1" applyAlignment="1" applyProtection="1">
      <alignment horizontal="center" vertical="center"/>
      <protection locked="0"/>
    </xf>
    <xf numFmtId="176" fontId="7" fillId="4" borderId="2" xfId="0" applyNumberFormat="1" applyFont="1" applyFill="1" applyBorder="1" applyAlignment="1" applyProtection="1">
      <alignment horizontal="center" vertical="center"/>
    </xf>
    <xf numFmtId="176" fontId="7" fillId="4" borderId="3" xfId="0" applyNumberFormat="1" applyFont="1" applyFill="1" applyBorder="1" applyAlignment="1" applyProtection="1">
      <alignment horizontal="center" vertical="center"/>
    </xf>
    <xf numFmtId="182" fontId="7" fillId="4" borderId="2" xfId="0" applyNumberFormat="1" applyFont="1" applyFill="1" applyBorder="1" applyAlignment="1" applyProtection="1">
      <alignment horizontal="center" vertical="center"/>
    </xf>
    <xf numFmtId="182" fontId="7" fillId="4" borderId="18" xfId="0" applyNumberFormat="1" applyFont="1" applyFill="1" applyBorder="1" applyAlignment="1" applyProtection="1">
      <alignment horizontal="center" vertical="center"/>
    </xf>
    <xf numFmtId="182" fontId="7" fillId="4" borderId="3" xfId="0" applyNumberFormat="1" applyFont="1" applyFill="1" applyBorder="1" applyAlignment="1" applyProtection="1">
      <alignment horizontal="center" vertical="center"/>
    </xf>
    <xf numFmtId="180" fontId="7" fillId="0" borderId="2" xfId="0" applyNumberFormat="1" applyFont="1" applyFill="1" applyBorder="1" applyAlignment="1" applyProtection="1">
      <alignment horizontal="center" vertical="center"/>
    </xf>
    <xf numFmtId="180" fontId="7" fillId="0" borderId="18" xfId="0" applyNumberFormat="1" applyFont="1" applyFill="1" applyBorder="1" applyAlignment="1" applyProtection="1">
      <alignment horizontal="center" vertical="center"/>
    </xf>
    <xf numFmtId="180" fontId="7" fillId="0" borderId="3" xfId="0" applyNumberFormat="1" applyFont="1" applyFill="1" applyBorder="1" applyAlignment="1" applyProtection="1">
      <alignment horizontal="center" vertical="center"/>
    </xf>
    <xf numFmtId="176" fontId="7" fillId="0" borderId="2" xfId="0" applyNumberFormat="1" applyFont="1" applyFill="1" applyBorder="1" applyAlignment="1" applyProtection="1">
      <alignment horizontal="center" vertical="center"/>
    </xf>
    <xf numFmtId="176" fontId="7" fillId="0" borderId="18" xfId="0" applyNumberFormat="1" applyFont="1" applyFill="1" applyBorder="1" applyAlignment="1" applyProtection="1">
      <alignment horizontal="center" vertical="center"/>
    </xf>
    <xf numFmtId="176" fontId="7" fillId="0" borderId="3" xfId="0" applyNumberFormat="1" applyFont="1" applyFill="1" applyBorder="1" applyAlignment="1" applyProtection="1">
      <alignment horizontal="center" vertical="center"/>
    </xf>
    <xf numFmtId="176" fontId="7" fillId="0" borderId="2" xfId="0" applyNumberFormat="1" applyFont="1" applyFill="1" applyBorder="1" applyAlignment="1" applyProtection="1">
      <alignment horizontal="right" vertical="center"/>
    </xf>
    <xf numFmtId="176" fontId="7" fillId="0" borderId="3" xfId="0" applyNumberFormat="1" applyFont="1" applyFill="1" applyBorder="1" applyAlignment="1" applyProtection="1">
      <alignment horizontal="right" vertical="center"/>
    </xf>
    <xf numFmtId="181" fontId="7" fillId="4" borderId="0" xfId="0" applyNumberFormat="1" applyFont="1" applyFill="1" applyBorder="1" applyAlignment="1" applyProtection="1">
      <alignment horizontal="center" vertical="center"/>
    </xf>
    <xf numFmtId="183" fontId="7" fillId="4" borderId="2" xfId="0" applyNumberFormat="1" applyFont="1" applyFill="1" applyBorder="1" applyAlignment="1" applyProtection="1">
      <alignment horizontal="center" vertical="center"/>
    </xf>
    <xf numFmtId="183" fontId="7" fillId="4" borderId="18" xfId="0" applyNumberFormat="1" applyFont="1" applyFill="1" applyBorder="1" applyAlignment="1" applyProtection="1">
      <alignment horizontal="center" vertical="center"/>
    </xf>
    <xf numFmtId="183" fontId="7" fillId="4" borderId="3" xfId="0" applyNumberFormat="1" applyFont="1" applyFill="1" applyBorder="1" applyAlignment="1" applyProtection="1">
      <alignment horizontal="center" vertical="center"/>
    </xf>
    <xf numFmtId="0" fontId="7" fillId="3" borderId="2" xfId="0" applyFont="1" applyFill="1" applyBorder="1" applyAlignment="1" applyProtection="1">
      <alignment horizontal="center" vertical="center"/>
      <protection locked="0"/>
    </xf>
    <xf numFmtId="0" fontId="7" fillId="3" borderId="3" xfId="0" applyFont="1" applyFill="1" applyBorder="1" applyAlignment="1" applyProtection="1">
      <alignment horizontal="center" vertical="center"/>
      <protection locked="0"/>
    </xf>
    <xf numFmtId="176" fontId="7" fillId="4" borderId="0" xfId="0" applyNumberFormat="1" applyFont="1" applyFill="1" applyBorder="1" applyAlignment="1" applyProtection="1">
      <alignment horizontal="right" vertical="center"/>
    </xf>
    <xf numFmtId="0" fontId="8" fillId="4" borderId="0" xfId="0" applyFont="1" applyFill="1" applyAlignment="1">
      <alignment horizontal="left" vertical="center"/>
    </xf>
    <xf numFmtId="0" fontId="20" fillId="4" borderId="1" xfId="0" applyFont="1" applyFill="1" applyBorder="1" applyAlignment="1">
      <alignment horizontal="center" vertical="center"/>
    </xf>
    <xf numFmtId="0" fontId="2" fillId="2" borderId="2" xfId="0" applyFont="1" applyFill="1" applyBorder="1" applyAlignment="1" applyProtection="1">
      <alignment horizontal="center" vertical="center"/>
      <protection locked="0"/>
    </xf>
    <xf numFmtId="0" fontId="2" fillId="6" borderId="18" xfId="0" applyFont="1" applyFill="1" applyBorder="1" applyAlignment="1" applyProtection="1">
      <alignment horizontal="center" vertical="center"/>
      <protection locked="0"/>
    </xf>
    <xf numFmtId="0" fontId="2" fillId="6" borderId="3" xfId="0" applyFont="1" applyFill="1" applyBorder="1" applyAlignment="1" applyProtection="1">
      <alignment horizontal="center" vertical="center"/>
      <protection locked="0"/>
    </xf>
    <xf numFmtId="0" fontId="2" fillId="4" borderId="2" xfId="0" applyFont="1" applyFill="1" applyBorder="1" applyAlignment="1">
      <alignment horizontal="center" vertical="center"/>
    </xf>
    <xf numFmtId="0" fontId="2" fillId="4" borderId="3" xfId="0" applyFont="1" applyFill="1" applyBorder="1" applyAlignment="1">
      <alignment horizontal="center" vertical="center"/>
    </xf>
    <xf numFmtId="0" fontId="2" fillId="3" borderId="18" xfId="0" applyFont="1" applyFill="1" applyBorder="1" applyAlignment="1" applyProtection="1">
      <alignment horizontal="center" vertical="center"/>
      <protection locked="0"/>
    </xf>
    <xf numFmtId="38" fontId="2" fillId="4" borderId="0" xfId="1" applyFont="1" applyFill="1" applyBorder="1" applyAlignment="1" applyProtection="1">
      <alignment horizontal="center" vertical="center"/>
    </xf>
    <xf numFmtId="0" fontId="5" fillId="6" borderId="0" xfId="0" applyFont="1" applyFill="1" applyAlignment="1" applyProtection="1">
      <alignment horizontal="center" vertical="center"/>
      <protection locked="0"/>
    </xf>
    <xf numFmtId="0" fontId="5" fillId="0" borderId="0" xfId="0" applyFont="1" applyAlignment="1">
      <alignment horizontal="center" vertical="center"/>
    </xf>
    <xf numFmtId="20" fontId="2" fillId="3" borderId="2" xfId="0" applyNumberFormat="1" applyFont="1" applyFill="1" applyBorder="1" applyAlignment="1" applyProtection="1">
      <alignment horizontal="center" vertical="center"/>
      <protection locked="0"/>
    </xf>
    <xf numFmtId="20" fontId="2" fillId="3" borderId="18" xfId="0" applyNumberFormat="1" applyFont="1" applyFill="1" applyBorder="1" applyAlignment="1" applyProtection="1">
      <alignment horizontal="center" vertical="center"/>
      <protection locked="0"/>
    </xf>
    <xf numFmtId="20" fontId="2" fillId="3" borderId="3" xfId="0" applyNumberFormat="1" applyFont="1" applyFill="1" applyBorder="1" applyAlignment="1" applyProtection="1">
      <alignment horizontal="center" vertical="center"/>
      <protection locked="0"/>
    </xf>
    <xf numFmtId="4" fontId="2" fillId="0" borderId="2" xfId="0" applyNumberFormat="1" applyFont="1" applyBorder="1" applyAlignment="1">
      <alignment horizontal="center" vertical="center"/>
    </xf>
    <xf numFmtId="4" fontId="2" fillId="0" borderId="3" xfId="0" applyNumberFormat="1" applyFont="1" applyBorder="1" applyAlignment="1">
      <alignment horizontal="center" vertical="center"/>
    </xf>
    <xf numFmtId="0" fontId="2" fillId="0" borderId="4" xfId="0" applyFont="1" applyBorder="1" applyAlignment="1">
      <alignment horizontal="center" vertical="center"/>
    </xf>
    <xf numFmtId="0" fontId="2" fillId="0" borderId="13" xfId="0" applyFont="1" applyBorder="1" applyAlignment="1">
      <alignment horizontal="center" vertical="center"/>
    </xf>
    <xf numFmtId="0" fontId="2" fillId="0" borderId="24" xfId="0" applyFont="1" applyBorder="1" applyAlignment="1">
      <alignment horizontal="center" vertical="center"/>
    </xf>
    <xf numFmtId="0" fontId="2" fillId="0" borderId="9" xfId="0" applyFont="1" applyBorder="1" applyAlignment="1">
      <alignment horizontal="center" vertical="center" wrapText="1"/>
    </xf>
    <xf numFmtId="0" fontId="2" fillId="0" borderId="5" xfId="0" applyFont="1" applyBorder="1" applyAlignment="1">
      <alignment horizontal="center" vertical="center" wrapText="1"/>
    </xf>
    <xf numFmtId="0" fontId="2" fillId="0" borderId="6" xfId="0" applyFont="1" applyBorder="1" applyAlignment="1">
      <alignment horizontal="center" vertical="center" wrapText="1"/>
    </xf>
    <xf numFmtId="0" fontId="2" fillId="0" borderId="53" xfId="0" applyFont="1" applyBorder="1" applyAlignment="1">
      <alignment horizontal="center" vertical="center" wrapText="1"/>
    </xf>
    <xf numFmtId="0" fontId="2" fillId="0" borderId="0" xfId="0" applyFont="1" applyAlignment="1">
      <alignment horizontal="center" vertical="center" wrapText="1"/>
    </xf>
    <xf numFmtId="0" fontId="2" fillId="0" borderId="14" xfId="0" applyFont="1" applyBorder="1" applyAlignment="1">
      <alignment horizontal="center" vertical="center" wrapText="1"/>
    </xf>
    <xf numFmtId="0" fontId="2" fillId="0" borderId="55" xfId="0" applyFont="1" applyBorder="1" applyAlignment="1">
      <alignment horizontal="center" vertical="center" wrapText="1"/>
    </xf>
    <xf numFmtId="0" fontId="2" fillId="0" borderId="25" xfId="0" applyFont="1" applyBorder="1" applyAlignment="1">
      <alignment horizontal="center" vertical="center" wrapText="1"/>
    </xf>
    <xf numFmtId="0" fontId="2" fillId="0" borderId="26" xfId="0" applyFont="1" applyBorder="1" applyAlignment="1">
      <alignment horizontal="center" vertical="center" wrapText="1"/>
    </xf>
    <xf numFmtId="0" fontId="8" fillId="0" borderId="52" xfId="0" applyFont="1" applyBorder="1" applyAlignment="1">
      <alignment horizontal="center" vertical="center" wrapText="1"/>
    </xf>
    <xf numFmtId="0" fontId="8" fillId="0" borderId="54" xfId="0" applyFont="1" applyBorder="1" applyAlignment="1">
      <alignment horizontal="center" vertical="center" wrapText="1"/>
    </xf>
    <xf numFmtId="0" fontId="8" fillId="0" borderId="5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27" xfId="0" applyFont="1" applyBorder="1" applyAlignment="1">
      <alignment horizontal="center" vertical="center" wrapText="1"/>
    </xf>
    <xf numFmtId="0" fontId="2" fillId="0" borderId="8"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28" xfId="0" applyFont="1" applyBorder="1" applyAlignment="1">
      <alignment horizontal="center" vertical="center" wrapText="1"/>
    </xf>
    <xf numFmtId="0" fontId="8" fillId="0" borderId="9" xfId="0" applyFont="1" applyBorder="1" applyAlignment="1">
      <alignment horizontal="center" vertical="center" wrapText="1"/>
    </xf>
    <xf numFmtId="0" fontId="8" fillId="0" borderId="5" xfId="0" applyFont="1" applyBorder="1" applyAlignment="1">
      <alignment horizontal="center" vertical="center" wrapText="1"/>
    </xf>
    <xf numFmtId="0" fontId="8" fillId="0" borderId="8" xfId="0" applyFont="1" applyBorder="1" applyAlignment="1">
      <alignment horizontal="center" vertical="center" wrapText="1"/>
    </xf>
    <xf numFmtId="0" fontId="8" fillId="0" borderId="53" xfId="0" applyFont="1" applyBorder="1" applyAlignment="1">
      <alignment horizontal="center" vertical="center" wrapText="1"/>
    </xf>
    <xf numFmtId="0" fontId="8" fillId="0" borderId="0" xfId="0" applyFont="1" applyAlignment="1">
      <alignment horizontal="center" vertical="center" wrapText="1"/>
    </xf>
    <xf numFmtId="0" fontId="8" fillId="0" borderId="16" xfId="0" applyFont="1" applyBorder="1" applyAlignment="1">
      <alignment horizontal="center" vertical="center" wrapText="1"/>
    </xf>
    <xf numFmtId="0" fontId="8" fillId="0" borderId="55" xfId="0" applyFont="1" applyBorder="1" applyAlignment="1">
      <alignment horizontal="center" vertical="center" wrapText="1"/>
    </xf>
    <xf numFmtId="0" fontId="8" fillId="0" borderId="25" xfId="0" applyFont="1" applyBorder="1" applyAlignment="1">
      <alignment horizontal="center" vertical="center" wrapText="1"/>
    </xf>
    <xf numFmtId="0" fontId="8" fillId="0" borderId="28" xfId="0" applyFont="1" applyBorder="1" applyAlignment="1">
      <alignment horizontal="center" vertical="center" wrapText="1"/>
    </xf>
    <xf numFmtId="0" fontId="2" fillId="0" borderId="9" xfId="0" quotePrefix="1" applyFont="1" applyBorder="1" applyAlignment="1">
      <alignment horizontal="center" vertical="center"/>
    </xf>
    <xf numFmtId="0" fontId="2" fillId="0" borderId="5" xfId="0" applyFont="1" applyBorder="1" applyAlignment="1">
      <alignment horizontal="center" vertical="center"/>
    </xf>
    <xf numFmtId="0" fontId="2" fillId="0" borderId="8" xfId="0" applyFont="1" applyBorder="1" applyAlignment="1">
      <alignment horizontal="center" vertical="center"/>
    </xf>
    <xf numFmtId="0" fontId="2" fillId="0" borderId="32" xfId="0" applyFont="1" applyBorder="1" applyAlignment="1">
      <alignment horizontal="center" vertical="center" shrinkToFit="1"/>
    </xf>
    <xf numFmtId="0" fontId="2" fillId="0" borderId="41" xfId="0" applyFont="1" applyBorder="1" applyAlignment="1">
      <alignment horizontal="center" vertical="center" shrinkToFit="1"/>
    </xf>
    <xf numFmtId="0" fontId="2" fillId="2" borderId="9" xfId="0" applyFont="1" applyFill="1" applyBorder="1" applyAlignment="1" applyProtection="1">
      <alignment horizontal="center" vertical="center"/>
      <protection locked="0"/>
    </xf>
    <xf numFmtId="0" fontId="2" fillId="2" borderId="5" xfId="0" applyFont="1" applyFill="1" applyBorder="1" applyAlignment="1" applyProtection="1">
      <alignment horizontal="center" vertical="center"/>
      <protection locked="0"/>
    </xf>
    <xf numFmtId="0" fontId="2" fillId="2" borderId="6" xfId="0" applyFont="1" applyFill="1" applyBorder="1" applyAlignment="1" applyProtection="1">
      <alignment horizontal="center" vertical="center"/>
      <protection locked="0"/>
    </xf>
    <xf numFmtId="0" fontId="2" fillId="2" borderId="53" xfId="0" applyFont="1" applyFill="1" applyBorder="1" applyAlignment="1" applyProtection="1">
      <alignment horizontal="center" vertical="center"/>
      <protection locked="0"/>
    </xf>
    <xf numFmtId="0" fontId="2" fillId="2" borderId="0" xfId="0" applyFont="1" applyFill="1" applyAlignment="1" applyProtection="1">
      <alignment horizontal="center" vertical="center"/>
      <protection locked="0"/>
    </xf>
    <xf numFmtId="0" fontId="2" fillId="2" borderId="14" xfId="0" applyFont="1" applyFill="1" applyBorder="1" applyAlignment="1" applyProtection="1">
      <alignment horizontal="center" vertical="center"/>
      <protection locked="0"/>
    </xf>
    <xf numFmtId="0" fontId="2" fillId="2" borderId="75" xfId="0" applyFont="1" applyFill="1" applyBorder="1" applyAlignment="1" applyProtection="1">
      <alignment horizontal="center" vertical="center"/>
      <protection locked="0"/>
    </xf>
    <xf numFmtId="0" fontId="2" fillId="2" borderId="51" xfId="0" applyFont="1" applyFill="1" applyBorder="1" applyAlignment="1" applyProtection="1">
      <alignment horizontal="center" vertical="center"/>
      <protection locked="0"/>
    </xf>
    <xf numFmtId="0" fontId="2" fillId="2" borderId="76" xfId="0" applyFont="1" applyFill="1" applyBorder="1" applyAlignment="1" applyProtection="1">
      <alignment horizontal="center" vertical="center"/>
      <protection locked="0"/>
    </xf>
    <xf numFmtId="0" fontId="2" fillId="2" borderId="52" xfId="0" applyFont="1" applyFill="1" applyBorder="1" applyAlignment="1" applyProtection="1">
      <alignment horizontal="center" vertical="center" wrapText="1"/>
      <protection locked="0"/>
    </xf>
    <xf numFmtId="0" fontId="2" fillId="6" borderId="54" xfId="0" applyFont="1" applyFill="1" applyBorder="1" applyAlignment="1" applyProtection="1">
      <alignment horizontal="center" vertical="center" wrapText="1"/>
      <protection locked="0"/>
    </xf>
    <xf numFmtId="0" fontId="2" fillId="6" borderId="36" xfId="0" applyFont="1" applyFill="1" applyBorder="1" applyAlignment="1" applyProtection="1">
      <alignment horizontal="center" vertical="center" shrinkToFit="1"/>
      <protection locked="0"/>
    </xf>
    <xf numFmtId="0" fontId="2" fillId="6" borderId="34" xfId="0" applyFont="1" applyFill="1" applyBorder="1" applyAlignment="1" applyProtection="1">
      <alignment horizontal="center" vertical="center" shrinkToFit="1"/>
      <protection locked="0"/>
    </xf>
    <xf numFmtId="0" fontId="2" fillId="6" borderId="2" xfId="0" applyFont="1" applyFill="1" applyBorder="1" applyAlignment="1" applyProtection="1">
      <alignment horizontal="center" vertical="center" shrinkToFit="1"/>
      <protection locked="0"/>
    </xf>
    <xf numFmtId="0" fontId="2" fillId="6" borderId="18" xfId="0" applyFont="1" applyFill="1" applyBorder="1" applyAlignment="1" applyProtection="1">
      <alignment horizontal="center" vertical="center" shrinkToFit="1"/>
      <protection locked="0"/>
    </xf>
    <xf numFmtId="0" fontId="2" fillId="6" borderId="3" xfId="0" applyFont="1" applyFill="1" applyBorder="1" applyAlignment="1" applyProtection="1">
      <alignment horizontal="center" vertical="center" shrinkToFit="1"/>
      <protection locked="0"/>
    </xf>
    <xf numFmtId="0" fontId="2" fillId="3" borderId="7" xfId="0" applyFont="1" applyFill="1" applyBorder="1" applyAlignment="1" applyProtection="1">
      <alignment horizontal="center" vertical="center" wrapText="1"/>
      <protection locked="0"/>
    </xf>
    <xf numFmtId="0" fontId="2" fillId="3" borderId="5" xfId="0" applyFont="1" applyFill="1" applyBorder="1" applyAlignment="1" applyProtection="1">
      <alignment horizontal="center" vertical="center" wrapText="1"/>
      <protection locked="0"/>
    </xf>
    <xf numFmtId="0" fontId="2" fillId="3" borderId="8" xfId="0" applyFont="1" applyFill="1" applyBorder="1" applyAlignment="1" applyProtection="1">
      <alignment horizontal="center" vertical="center" wrapText="1"/>
      <protection locked="0"/>
    </xf>
    <xf numFmtId="0" fontId="2" fillId="3" borderId="15" xfId="0" applyFont="1" applyFill="1" applyBorder="1" applyAlignment="1" applyProtection="1">
      <alignment horizontal="center" vertical="center" wrapText="1"/>
      <protection locked="0"/>
    </xf>
    <xf numFmtId="0" fontId="2" fillId="3" borderId="0" xfId="0" applyFont="1" applyFill="1" applyAlignment="1" applyProtection="1">
      <alignment horizontal="center" vertical="center" wrapText="1"/>
      <protection locked="0"/>
    </xf>
    <xf numFmtId="0" fontId="2" fillId="3" borderId="16" xfId="0" applyFont="1" applyFill="1" applyBorder="1" applyAlignment="1" applyProtection="1">
      <alignment horizontal="center" vertical="center" wrapText="1"/>
      <protection locked="0"/>
    </xf>
    <xf numFmtId="0" fontId="9" fillId="0" borderId="57" xfId="0" applyFont="1" applyBorder="1" applyAlignment="1">
      <alignment horizontal="center" vertical="center" wrapText="1"/>
    </xf>
    <xf numFmtId="0" fontId="9" fillId="0" borderId="58" xfId="0" applyFont="1" applyBorder="1" applyAlignment="1">
      <alignment horizontal="center" vertical="center" wrapText="1"/>
    </xf>
    <xf numFmtId="0" fontId="9" fillId="0" borderId="59" xfId="0" applyFont="1" applyBorder="1" applyAlignment="1">
      <alignment horizontal="center" vertical="center" wrapText="1"/>
    </xf>
    <xf numFmtId="0" fontId="23" fillId="4" borderId="9" xfId="0" applyFont="1" applyFill="1" applyBorder="1" applyAlignment="1">
      <alignment horizontal="center" vertical="center" wrapText="1"/>
    </xf>
    <xf numFmtId="0" fontId="23" fillId="4" borderId="6" xfId="0" applyFont="1" applyFill="1" applyBorder="1" applyAlignment="1">
      <alignment horizontal="center" vertical="center" wrapText="1"/>
    </xf>
    <xf numFmtId="0" fontId="23" fillId="4" borderId="53" xfId="0" applyFont="1" applyFill="1" applyBorder="1" applyAlignment="1">
      <alignment horizontal="center" vertical="center" wrapText="1"/>
    </xf>
    <xf numFmtId="0" fontId="23" fillId="4" borderId="14" xfId="0" applyFont="1" applyFill="1" applyBorder="1" applyAlignment="1">
      <alignment horizontal="center" vertical="center" wrapText="1"/>
    </xf>
    <xf numFmtId="0" fontId="23" fillId="4" borderId="55" xfId="0" applyFont="1" applyFill="1" applyBorder="1" applyAlignment="1">
      <alignment horizontal="center" vertical="center" wrapText="1"/>
    </xf>
    <xf numFmtId="0" fontId="23" fillId="4" borderId="26" xfId="0" applyFont="1" applyFill="1" applyBorder="1" applyAlignment="1">
      <alignment horizontal="center" vertical="center" wrapText="1"/>
    </xf>
    <xf numFmtId="0" fontId="23" fillId="4" borderId="7" xfId="0" applyFont="1" applyFill="1" applyBorder="1" applyAlignment="1">
      <alignment horizontal="center" vertical="center" wrapText="1"/>
    </xf>
    <xf numFmtId="0" fontId="23" fillId="4" borderId="8" xfId="0" applyFont="1" applyFill="1" applyBorder="1" applyAlignment="1">
      <alignment horizontal="center" vertical="center" wrapText="1"/>
    </xf>
    <xf numFmtId="0" fontId="23" fillId="4" borderId="15" xfId="0" applyFont="1" applyFill="1" applyBorder="1" applyAlignment="1">
      <alignment horizontal="center" vertical="center" wrapText="1"/>
    </xf>
    <xf numFmtId="0" fontId="23" fillId="4" borderId="16" xfId="0" applyFont="1" applyFill="1" applyBorder="1" applyAlignment="1">
      <alignment horizontal="center" vertical="center" wrapText="1"/>
    </xf>
    <xf numFmtId="0" fontId="23" fillId="4" borderId="27" xfId="0" applyFont="1" applyFill="1" applyBorder="1" applyAlignment="1">
      <alignment horizontal="center" vertical="center" wrapText="1"/>
    </xf>
    <xf numFmtId="0" fontId="23" fillId="4" borderId="28" xfId="0" applyFont="1" applyFill="1" applyBorder="1" applyAlignment="1">
      <alignment horizontal="center" vertical="center" wrapText="1"/>
    </xf>
    <xf numFmtId="0" fontId="7" fillId="0" borderId="9" xfId="0" applyFont="1" applyBorder="1" applyAlignment="1">
      <alignment horizontal="center" vertical="center" wrapText="1"/>
    </xf>
    <xf numFmtId="0" fontId="7" fillId="0" borderId="5" xfId="0" applyFont="1" applyBorder="1" applyAlignment="1">
      <alignment horizontal="center" vertical="center" wrapText="1"/>
    </xf>
    <xf numFmtId="0" fontId="7" fillId="0" borderId="8" xfId="0" applyFont="1" applyBorder="1" applyAlignment="1">
      <alignment horizontal="center" vertical="center" wrapText="1"/>
    </xf>
    <xf numFmtId="0" fontId="7" fillId="0" borderId="53" xfId="0" applyFont="1" applyBorder="1" applyAlignment="1">
      <alignment horizontal="center" vertical="center" wrapText="1"/>
    </xf>
    <xf numFmtId="0" fontId="7" fillId="0" borderId="0" xfId="0" applyFont="1" applyAlignment="1">
      <alignment horizontal="center" vertical="center" wrapText="1"/>
    </xf>
    <xf numFmtId="0" fontId="7" fillId="0" borderId="16" xfId="0" applyFont="1" applyBorder="1" applyAlignment="1">
      <alignment horizontal="center" vertical="center" wrapText="1"/>
    </xf>
    <xf numFmtId="0" fontId="7" fillId="0" borderId="55" xfId="0" applyFont="1" applyBorder="1" applyAlignment="1">
      <alignment horizontal="center" vertical="center" wrapText="1"/>
    </xf>
    <xf numFmtId="0" fontId="7" fillId="0" borderId="25" xfId="0" applyFont="1" applyBorder="1" applyAlignment="1">
      <alignment horizontal="center" vertical="center" wrapText="1"/>
    </xf>
    <xf numFmtId="0" fontId="7" fillId="0" borderId="28" xfId="0" applyFont="1" applyBorder="1" applyAlignment="1">
      <alignment horizontal="center" vertical="center" wrapText="1"/>
    </xf>
    <xf numFmtId="0" fontId="2" fillId="0" borderId="17" xfId="0" applyFont="1" applyBorder="1" applyAlignment="1">
      <alignment horizontal="center" vertical="center"/>
    </xf>
    <xf numFmtId="0" fontId="2" fillId="0" borderId="18" xfId="0" applyFont="1" applyBorder="1" applyAlignment="1">
      <alignment horizontal="center" vertical="center"/>
    </xf>
    <xf numFmtId="0" fontId="2" fillId="0" borderId="19" xfId="0" applyFont="1" applyBorder="1" applyAlignment="1">
      <alignment horizontal="center" vertical="center"/>
    </xf>
    <xf numFmtId="0" fontId="2" fillId="4" borderId="17" xfId="0" applyFont="1" applyFill="1" applyBorder="1" applyAlignment="1">
      <alignment horizontal="center" vertical="center"/>
    </xf>
    <xf numFmtId="0" fontId="2" fillId="4" borderId="18" xfId="0" applyFont="1" applyFill="1" applyBorder="1" applyAlignment="1">
      <alignment horizontal="center" vertical="center"/>
    </xf>
    <xf numFmtId="0" fontId="2" fillId="4" borderId="19" xfId="0" applyFont="1" applyFill="1" applyBorder="1" applyAlignment="1">
      <alignment horizontal="center" vertical="center"/>
    </xf>
    <xf numFmtId="1" fontId="2" fillId="4" borderId="63" xfId="0" applyNumberFormat="1" applyFont="1" applyFill="1" applyBorder="1" applyAlignment="1">
      <alignment horizontal="center" vertical="center" wrapText="1"/>
    </xf>
    <xf numFmtId="1" fontId="2" fillId="4" borderId="64" xfId="0" applyNumberFormat="1" applyFont="1" applyFill="1" applyBorder="1" applyAlignment="1">
      <alignment horizontal="center" vertical="center" wrapText="1"/>
    </xf>
    <xf numFmtId="1" fontId="2" fillId="4" borderId="65" xfId="0" applyNumberFormat="1" applyFont="1" applyFill="1" applyBorder="1" applyAlignment="1">
      <alignment horizontal="center" vertical="center" wrapText="1"/>
    </xf>
    <xf numFmtId="1" fontId="2" fillId="4" borderId="66" xfId="0" applyNumberFormat="1" applyFont="1" applyFill="1" applyBorder="1" applyAlignment="1">
      <alignment horizontal="center" vertical="center" wrapText="1"/>
    </xf>
    <xf numFmtId="0" fontId="2" fillId="3" borderId="9" xfId="0" applyFont="1" applyFill="1" applyBorder="1" applyAlignment="1" applyProtection="1">
      <alignment horizontal="left" vertical="center" wrapText="1"/>
      <protection locked="0"/>
    </xf>
    <xf numFmtId="0" fontId="2" fillId="3" borderId="5" xfId="0" applyFont="1" applyFill="1" applyBorder="1" applyAlignment="1" applyProtection="1">
      <alignment horizontal="left" vertical="center" wrapText="1"/>
      <protection locked="0"/>
    </xf>
    <xf numFmtId="0" fontId="2" fillId="3" borderId="8" xfId="0" applyFont="1" applyFill="1" applyBorder="1" applyAlignment="1" applyProtection="1">
      <alignment horizontal="left" vertical="center" wrapText="1"/>
      <protection locked="0"/>
    </xf>
    <xf numFmtId="0" fontId="2" fillId="3" borderId="53" xfId="0" applyFont="1" applyFill="1" applyBorder="1" applyAlignment="1" applyProtection="1">
      <alignment horizontal="left" vertical="center" wrapText="1"/>
      <protection locked="0"/>
    </xf>
    <xf numFmtId="0" fontId="2" fillId="3" borderId="0" xfId="0" applyFont="1" applyFill="1" applyAlignment="1" applyProtection="1">
      <alignment horizontal="left" vertical="center" wrapText="1"/>
      <protection locked="0"/>
    </xf>
    <xf numFmtId="0" fontId="2" fillId="3" borderId="16" xfId="0" applyFont="1" applyFill="1" applyBorder="1" applyAlignment="1" applyProtection="1">
      <alignment horizontal="left" vertical="center" wrapText="1"/>
      <protection locked="0"/>
    </xf>
    <xf numFmtId="0" fontId="2" fillId="3" borderId="75" xfId="0" applyFont="1" applyFill="1" applyBorder="1" applyAlignment="1" applyProtection="1">
      <alignment horizontal="left" vertical="center" wrapText="1"/>
      <protection locked="0"/>
    </xf>
    <xf numFmtId="0" fontId="2" fillId="3" borderId="51" xfId="0" applyFont="1" applyFill="1" applyBorder="1" applyAlignment="1" applyProtection="1">
      <alignment horizontal="left" vertical="center" wrapText="1"/>
      <protection locked="0"/>
    </xf>
    <xf numFmtId="0" fontId="2" fillId="3" borderId="86" xfId="0" applyFont="1" applyFill="1" applyBorder="1" applyAlignment="1" applyProtection="1">
      <alignment horizontal="left" vertical="center" wrapText="1"/>
      <protection locked="0"/>
    </xf>
    <xf numFmtId="0" fontId="9" fillId="0" borderId="67" xfId="0" applyFont="1" applyBorder="1" applyAlignment="1">
      <alignment horizontal="center" vertical="center" wrapText="1"/>
    </xf>
    <xf numFmtId="0" fontId="9" fillId="0" borderId="68" xfId="0" applyFont="1" applyBorder="1" applyAlignment="1">
      <alignment horizontal="center" vertical="center" wrapText="1"/>
    </xf>
    <xf numFmtId="0" fontId="9" fillId="0" borderId="69" xfId="0" applyFont="1" applyBorder="1" applyAlignment="1">
      <alignment horizontal="center" vertical="center" wrapText="1"/>
    </xf>
    <xf numFmtId="177" fontId="2" fillId="4" borderId="67" xfId="0" applyNumberFormat="1" applyFont="1" applyFill="1" applyBorder="1" applyAlignment="1">
      <alignment horizontal="center" vertical="center" wrapText="1"/>
    </xf>
    <xf numFmtId="177" fontId="2" fillId="4" borderId="73" xfId="0" applyNumberFormat="1" applyFont="1" applyFill="1" applyBorder="1" applyAlignment="1">
      <alignment horizontal="center" vertical="center" wrapText="1"/>
    </xf>
    <xf numFmtId="177" fontId="2" fillId="4" borderId="74" xfId="0" applyNumberFormat="1" applyFont="1" applyFill="1" applyBorder="1" applyAlignment="1">
      <alignment horizontal="center" vertical="center" wrapText="1"/>
    </xf>
    <xf numFmtId="177" fontId="2" fillId="4" borderId="69" xfId="0" applyNumberFormat="1" applyFont="1" applyFill="1" applyBorder="1" applyAlignment="1">
      <alignment horizontal="center" vertical="center" wrapText="1"/>
    </xf>
    <xf numFmtId="0" fontId="24" fillId="0" borderId="78" xfId="0" applyFont="1" applyBorder="1" applyAlignment="1">
      <alignment horizontal="center" vertical="center" wrapText="1"/>
    </xf>
    <xf numFmtId="0" fontId="24" fillId="0" borderId="79" xfId="0" applyFont="1" applyBorder="1" applyAlignment="1">
      <alignment horizontal="center" vertical="center" wrapText="1"/>
    </xf>
    <xf numFmtId="0" fontId="24" fillId="0" borderId="80" xfId="0" applyFont="1" applyBorder="1" applyAlignment="1">
      <alignment horizontal="center" vertical="center" wrapText="1"/>
    </xf>
    <xf numFmtId="177" fontId="2" fillId="4" borderId="78" xfId="0" applyNumberFormat="1" applyFont="1" applyFill="1" applyBorder="1" applyAlignment="1">
      <alignment horizontal="center" vertical="center" wrapText="1"/>
    </xf>
    <xf numFmtId="177" fontId="2" fillId="4" borderId="84" xfId="0" applyNumberFormat="1" applyFont="1" applyFill="1" applyBorder="1" applyAlignment="1">
      <alignment horizontal="center" vertical="center" wrapText="1"/>
    </xf>
    <xf numFmtId="177" fontId="2" fillId="4" borderId="85" xfId="0" applyNumberFormat="1" applyFont="1" applyFill="1" applyBorder="1" applyAlignment="1">
      <alignment horizontal="center" vertical="center" wrapText="1"/>
    </xf>
    <xf numFmtId="177" fontId="2" fillId="4" borderId="80" xfId="0" applyNumberFormat="1" applyFont="1" applyFill="1" applyBorder="1" applyAlignment="1">
      <alignment horizontal="center" vertical="center" wrapText="1"/>
    </xf>
    <xf numFmtId="0" fontId="2" fillId="2" borderId="87" xfId="0" applyFont="1" applyFill="1" applyBorder="1" applyAlignment="1" applyProtection="1">
      <alignment horizontal="center" vertical="center" shrinkToFit="1"/>
      <protection locked="0"/>
    </xf>
    <xf numFmtId="0" fontId="2" fillId="2" borderId="88" xfId="0" applyFont="1" applyFill="1" applyBorder="1" applyAlignment="1" applyProtection="1">
      <alignment horizontal="center" vertical="center" shrinkToFit="1"/>
      <protection locked="0"/>
    </xf>
    <xf numFmtId="0" fontId="2" fillId="2" borderId="89" xfId="0" applyFont="1" applyFill="1" applyBorder="1" applyAlignment="1" applyProtection="1">
      <alignment horizontal="center" vertical="center" shrinkToFit="1"/>
      <protection locked="0"/>
    </xf>
    <xf numFmtId="0" fontId="2" fillId="2" borderId="53" xfId="0" applyFont="1" applyFill="1" applyBorder="1" applyAlignment="1" applyProtection="1">
      <alignment horizontal="center" vertical="center" shrinkToFit="1"/>
      <protection locked="0"/>
    </xf>
    <xf numFmtId="0" fontId="2" fillId="2" borderId="0" xfId="0" applyFont="1" applyFill="1" applyAlignment="1" applyProtection="1">
      <alignment horizontal="center" vertical="center" shrinkToFit="1"/>
      <protection locked="0"/>
    </xf>
    <xf numFmtId="0" fontId="2" fillId="2" borderId="14" xfId="0" applyFont="1" applyFill="1" applyBorder="1" applyAlignment="1" applyProtection="1">
      <alignment horizontal="center" vertical="center" shrinkToFit="1"/>
      <protection locked="0"/>
    </xf>
    <xf numFmtId="0" fontId="2" fillId="2" borderId="75" xfId="0" applyFont="1" applyFill="1" applyBorder="1" applyAlignment="1" applyProtection="1">
      <alignment horizontal="center" vertical="center" shrinkToFit="1"/>
      <protection locked="0"/>
    </xf>
    <xf numFmtId="0" fontId="2" fillId="2" borderId="51" xfId="0" applyFont="1" applyFill="1" applyBorder="1" applyAlignment="1" applyProtection="1">
      <alignment horizontal="center" vertical="center" shrinkToFit="1"/>
      <protection locked="0"/>
    </xf>
    <xf numFmtId="0" fontId="2" fillId="2" borderId="76" xfId="0" applyFont="1" applyFill="1" applyBorder="1" applyAlignment="1" applyProtection="1">
      <alignment horizontal="center" vertical="center" shrinkToFit="1"/>
      <protection locked="0"/>
    </xf>
    <xf numFmtId="0" fontId="2" fillId="2" borderId="90" xfId="0" applyFont="1" applyFill="1" applyBorder="1" applyAlignment="1" applyProtection="1">
      <alignment horizontal="center" vertical="center" wrapText="1"/>
      <protection locked="0"/>
    </xf>
    <xf numFmtId="0" fontId="2" fillId="6" borderId="77" xfId="0" applyFont="1" applyFill="1" applyBorder="1" applyAlignment="1" applyProtection="1">
      <alignment horizontal="center" vertical="center" wrapText="1"/>
      <protection locked="0"/>
    </xf>
    <xf numFmtId="0" fontId="2" fillId="3" borderId="91" xfId="0" applyFont="1" applyFill="1" applyBorder="1" applyAlignment="1" applyProtection="1">
      <alignment horizontal="center" vertical="center" wrapText="1"/>
      <protection locked="0"/>
    </xf>
    <xf numFmtId="0" fontId="2" fillId="3" borderId="88" xfId="0" applyFont="1" applyFill="1" applyBorder="1" applyAlignment="1" applyProtection="1">
      <alignment horizontal="center" vertical="center" wrapText="1"/>
      <protection locked="0"/>
    </xf>
    <xf numFmtId="0" fontId="2" fillId="3" borderId="92" xfId="0" applyFont="1" applyFill="1" applyBorder="1" applyAlignment="1" applyProtection="1">
      <alignment horizontal="center" vertical="center" wrapText="1"/>
      <protection locked="0"/>
    </xf>
    <xf numFmtId="0" fontId="2" fillId="3" borderId="100" xfId="0" applyFont="1" applyFill="1" applyBorder="1" applyAlignment="1" applyProtection="1">
      <alignment horizontal="center" vertical="center" wrapText="1"/>
      <protection locked="0"/>
    </xf>
    <xf numFmtId="0" fontId="2" fillId="3" borderId="51" xfId="0" applyFont="1" applyFill="1" applyBorder="1" applyAlignment="1" applyProtection="1">
      <alignment horizontal="center" vertical="center" wrapText="1"/>
      <protection locked="0"/>
    </xf>
    <xf numFmtId="0" fontId="2" fillId="3" borderId="86" xfId="0" applyFont="1" applyFill="1" applyBorder="1" applyAlignment="1" applyProtection="1">
      <alignment horizontal="center" vertical="center" wrapText="1"/>
      <protection locked="0"/>
    </xf>
    <xf numFmtId="0" fontId="9" fillId="0" borderId="93" xfId="0" applyFont="1" applyBorder="1" applyAlignment="1">
      <alignment horizontal="center" vertical="center" wrapText="1"/>
    </xf>
    <xf numFmtId="0" fontId="9" fillId="0" borderId="94" xfId="0" applyFont="1" applyBorder="1" applyAlignment="1">
      <alignment horizontal="center" vertical="center" wrapText="1"/>
    </xf>
    <xf numFmtId="0" fontId="9" fillId="0" borderId="95" xfId="0" applyFont="1" applyBorder="1" applyAlignment="1">
      <alignment horizontal="center" vertical="center" wrapText="1"/>
    </xf>
    <xf numFmtId="1" fontId="2" fillId="4" borderId="96" xfId="0" applyNumberFormat="1" applyFont="1" applyFill="1" applyBorder="1" applyAlignment="1">
      <alignment horizontal="center" vertical="center" wrapText="1"/>
    </xf>
    <xf numFmtId="1" fontId="2" fillId="4" borderId="97" xfId="0" applyNumberFormat="1" applyFont="1" applyFill="1" applyBorder="1" applyAlignment="1">
      <alignment horizontal="center" vertical="center" wrapText="1"/>
    </xf>
    <xf numFmtId="1" fontId="2" fillId="4" borderId="98" xfId="0" applyNumberFormat="1" applyFont="1" applyFill="1" applyBorder="1" applyAlignment="1">
      <alignment horizontal="center" vertical="center" wrapText="1"/>
    </xf>
    <xf numFmtId="1" fontId="2" fillId="4" borderId="99" xfId="0" applyNumberFormat="1" applyFont="1" applyFill="1" applyBorder="1" applyAlignment="1">
      <alignment horizontal="center" vertical="center" wrapText="1"/>
    </xf>
    <xf numFmtId="0" fontId="2" fillId="3" borderId="87" xfId="0" applyFont="1" applyFill="1" applyBorder="1" applyAlignment="1" applyProtection="1">
      <alignment horizontal="left" vertical="center" wrapText="1"/>
      <protection locked="0"/>
    </xf>
    <xf numFmtId="0" fontId="2" fillId="3" borderId="88" xfId="0" applyFont="1" applyFill="1" applyBorder="1" applyAlignment="1" applyProtection="1">
      <alignment horizontal="left" vertical="center" wrapText="1"/>
      <protection locked="0"/>
    </xf>
    <xf numFmtId="0" fontId="2" fillId="3" borderId="92" xfId="0" applyFont="1" applyFill="1" applyBorder="1" applyAlignment="1" applyProtection="1">
      <alignment horizontal="left" vertical="center" wrapText="1"/>
      <protection locked="0"/>
    </xf>
    <xf numFmtId="0" fontId="2" fillId="2" borderId="87" xfId="0" applyFont="1" applyFill="1" applyBorder="1" applyAlignment="1" applyProtection="1">
      <alignment horizontal="center" vertical="center"/>
      <protection locked="0"/>
    </xf>
    <xf numFmtId="0" fontId="2" fillId="2" borderId="88" xfId="0" applyFont="1" applyFill="1" applyBorder="1" applyAlignment="1" applyProtection="1">
      <alignment horizontal="center" vertical="center"/>
      <protection locked="0"/>
    </xf>
    <xf numFmtId="0" fontId="2" fillId="2" borderId="89" xfId="0" applyFont="1" applyFill="1" applyBorder="1" applyAlignment="1" applyProtection="1">
      <alignment horizontal="center" vertical="center"/>
      <protection locked="0"/>
    </xf>
    <xf numFmtId="0" fontId="2" fillId="0" borderId="45" xfId="0" applyFont="1" applyBorder="1" applyAlignment="1">
      <alignment horizontal="center" vertical="center" shrinkToFit="1"/>
    </xf>
    <xf numFmtId="0" fontId="2" fillId="6" borderId="56" xfId="0" applyFont="1" applyFill="1" applyBorder="1" applyAlignment="1" applyProtection="1">
      <alignment horizontal="center" vertical="center" wrapText="1"/>
      <protection locked="0"/>
    </xf>
    <xf numFmtId="0" fontId="2" fillId="6" borderId="48" xfId="0" applyFont="1" applyFill="1" applyBorder="1" applyAlignment="1" applyProtection="1">
      <alignment horizontal="center" vertical="center" shrinkToFit="1"/>
      <protection locked="0"/>
    </xf>
    <xf numFmtId="0" fontId="2" fillId="6" borderId="49" xfId="0" applyFont="1" applyFill="1" applyBorder="1" applyAlignment="1" applyProtection="1">
      <alignment horizontal="center" vertical="center" shrinkToFit="1"/>
      <protection locked="0"/>
    </xf>
    <xf numFmtId="0" fontId="2" fillId="6" borderId="47" xfId="0" applyFont="1" applyFill="1" applyBorder="1" applyAlignment="1" applyProtection="1">
      <alignment horizontal="center" vertical="center" shrinkToFit="1"/>
      <protection locked="0"/>
    </xf>
    <xf numFmtId="0" fontId="2" fillId="3" borderId="27" xfId="0" applyFont="1" applyFill="1" applyBorder="1" applyAlignment="1" applyProtection="1">
      <alignment horizontal="center" vertical="center" wrapText="1"/>
      <protection locked="0"/>
    </xf>
    <xf numFmtId="0" fontId="2" fillId="3" borderId="25" xfId="0" applyFont="1" applyFill="1" applyBorder="1" applyAlignment="1" applyProtection="1">
      <alignment horizontal="center" vertical="center" wrapText="1"/>
      <protection locked="0"/>
    </xf>
    <xf numFmtId="0" fontId="2" fillId="3" borderId="28" xfId="0" applyFont="1" applyFill="1" applyBorder="1" applyAlignment="1" applyProtection="1">
      <alignment horizontal="center" vertical="center" wrapText="1"/>
      <protection locked="0"/>
    </xf>
    <xf numFmtId="0" fontId="2" fillId="3" borderId="87" xfId="0" applyFont="1" applyFill="1" applyBorder="1" applyAlignment="1" applyProtection="1">
      <alignment horizontal="center" vertical="center" wrapText="1"/>
      <protection locked="0"/>
    </xf>
    <xf numFmtId="0" fontId="2" fillId="3" borderId="53" xfId="0" applyFont="1" applyFill="1" applyBorder="1" applyAlignment="1" applyProtection="1">
      <alignment horizontal="center" vertical="center" wrapText="1"/>
      <protection locked="0"/>
    </xf>
    <xf numFmtId="0" fontId="2" fillId="3" borderId="75" xfId="0" applyFont="1" applyFill="1" applyBorder="1" applyAlignment="1" applyProtection="1">
      <alignment horizontal="center" vertical="center" wrapText="1"/>
      <protection locked="0"/>
    </xf>
    <xf numFmtId="177" fontId="7" fillId="4" borderId="35" xfId="0" applyNumberFormat="1" applyFont="1" applyFill="1" applyBorder="1" applyAlignment="1">
      <alignment horizontal="center" vertical="center" wrapText="1"/>
    </xf>
    <xf numFmtId="177" fontId="7" fillId="4" borderId="37" xfId="0" applyNumberFormat="1" applyFont="1" applyFill="1" applyBorder="1" applyAlignment="1">
      <alignment horizontal="center" vertical="center" wrapText="1"/>
    </xf>
    <xf numFmtId="0" fontId="8" fillId="0" borderId="109" xfId="0" applyFont="1" applyBorder="1" applyAlignment="1">
      <alignment horizontal="center" vertical="center" wrapText="1"/>
    </xf>
    <xf numFmtId="0" fontId="8" fillId="0" borderId="110" xfId="0" applyFont="1" applyBorder="1" applyAlignment="1">
      <alignment horizontal="center" vertical="center" wrapText="1"/>
    </xf>
    <xf numFmtId="0" fontId="8" fillId="0" borderId="111" xfId="0" applyFont="1" applyBorder="1" applyAlignment="1">
      <alignment horizontal="center" vertical="center" wrapText="1"/>
    </xf>
    <xf numFmtId="0" fontId="8" fillId="0" borderId="112" xfId="0" applyFont="1" applyBorder="1" applyAlignment="1">
      <alignment horizontal="center" vertical="center" wrapText="1"/>
    </xf>
    <xf numFmtId="0" fontId="8" fillId="0" borderId="113" xfId="0" applyFont="1" applyBorder="1" applyAlignment="1">
      <alignment horizontal="center" vertical="center" wrapText="1"/>
    </xf>
    <xf numFmtId="0" fontId="8" fillId="0" borderId="114" xfId="0" applyFont="1" applyBorder="1" applyAlignment="1">
      <alignment horizontal="center" vertical="center" wrapText="1"/>
    </xf>
    <xf numFmtId="0" fontId="8" fillId="0" borderId="119" xfId="0" applyFont="1" applyBorder="1" applyAlignment="1">
      <alignment horizontal="center" vertical="center" wrapText="1"/>
    </xf>
    <xf numFmtId="0" fontId="8" fillId="0" borderId="120" xfId="0" applyFont="1" applyBorder="1" applyAlignment="1">
      <alignment horizontal="center" vertical="center" wrapText="1"/>
    </xf>
    <xf numFmtId="0" fontId="8" fillId="0" borderId="121" xfId="0" applyFont="1" applyBorder="1" applyAlignment="1">
      <alignment horizontal="center" vertical="center" wrapText="1"/>
    </xf>
    <xf numFmtId="0" fontId="7" fillId="0" borderId="18" xfId="0" applyFont="1" applyBorder="1" applyAlignment="1">
      <alignment horizontal="left" vertical="center" wrapText="1"/>
    </xf>
    <xf numFmtId="0" fontId="7" fillId="0" borderId="19" xfId="0" applyFont="1" applyBorder="1" applyAlignment="1">
      <alignment horizontal="left" vertical="center" wrapText="1"/>
    </xf>
    <xf numFmtId="177" fontId="7" fillId="4" borderId="87" xfId="0" applyNumberFormat="1" applyFont="1" applyFill="1" applyBorder="1" applyAlignment="1">
      <alignment horizontal="center" vertical="center" wrapText="1"/>
    </xf>
    <xf numFmtId="177" fontId="7" fillId="4" borderId="89" xfId="0" applyNumberFormat="1" applyFont="1" applyFill="1" applyBorder="1" applyAlignment="1">
      <alignment horizontal="center" vertical="center" wrapText="1"/>
    </xf>
    <xf numFmtId="177" fontId="7" fillId="4" borderId="91" xfId="0" applyNumberFormat="1" applyFont="1" applyFill="1" applyBorder="1" applyAlignment="1">
      <alignment horizontal="center" vertical="center" wrapText="1"/>
    </xf>
    <xf numFmtId="177" fontId="7" fillId="4" borderId="92" xfId="0" applyNumberFormat="1" applyFont="1" applyFill="1" applyBorder="1" applyAlignment="1">
      <alignment horizontal="center" vertical="center" wrapText="1"/>
    </xf>
    <xf numFmtId="177" fontId="8" fillId="4" borderId="115" xfId="0" applyNumberFormat="1" applyFont="1" applyFill="1" applyBorder="1" applyAlignment="1">
      <alignment horizontal="center" vertical="center" wrapText="1"/>
    </xf>
    <xf numFmtId="177" fontId="8" fillId="4" borderId="116" xfId="0" applyNumberFormat="1" applyFont="1" applyFill="1" applyBorder="1" applyAlignment="1">
      <alignment horizontal="center" vertical="center" wrapText="1"/>
    </xf>
    <xf numFmtId="177" fontId="8" fillId="4" borderId="117" xfId="0" applyNumberFormat="1" applyFont="1" applyFill="1" applyBorder="1" applyAlignment="1">
      <alignment horizontal="center" vertical="center" wrapText="1"/>
    </xf>
    <xf numFmtId="177" fontId="8" fillId="4" borderId="112" xfId="0" applyNumberFormat="1" applyFont="1" applyFill="1" applyBorder="1" applyAlignment="1">
      <alignment horizontal="center" vertical="center" wrapText="1"/>
    </xf>
    <xf numFmtId="177" fontId="8" fillId="4" borderId="113" xfId="0" applyNumberFormat="1" applyFont="1" applyFill="1" applyBorder="1" applyAlignment="1">
      <alignment horizontal="center" vertical="center" wrapText="1"/>
    </xf>
    <xf numFmtId="177" fontId="8" fillId="4" borderId="114" xfId="0" applyNumberFormat="1" applyFont="1" applyFill="1" applyBorder="1" applyAlignment="1">
      <alignment horizontal="center" vertical="center" wrapText="1"/>
    </xf>
    <xf numFmtId="177" fontId="8" fillId="4" borderId="119" xfId="0" applyNumberFormat="1" applyFont="1" applyFill="1" applyBorder="1" applyAlignment="1">
      <alignment horizontal="center" vertical="center" wrapText="1"/>
    </xf>
    <xf numFmtId="177" fontId="8" fillId="4" borderId="120" xfId="0" applyNumberFormat="1" applyFont="1" applyFill="1" applyBorder="1" applyAlignment="1">
      <alignment horizontal="center" vertical="center" wrapText="1"/>
    </xf>
    <xf numFmtId="177" fontId="8" fillId="4" borderId="121" xfId="0" applyNumberFormat="1" applyFont="1" applyFill="1" applyBorder="1" applyAlignment="1">
      <alignment horizontal="center" vertical="center" wrapText="1"/>
    </xf>
    <xf numFmtId="0" fontId="2" fillId="3" borderId="55" xfId="0" applyFont="1" applyFill="1" applyBorder="1" applyAlignment="1" applyProtection="1">
      <alignment horizontal="center" vertical="center" wrapText="1"/>
      <protection locked="0"/>
    </xf>
    <xf numFmtId="0" fontId="24" fillId="0" borderId="101" xfId="0" applyFont="1" applyBorder="1" applyAlignment="1">
      <alignment horizontal="center" vertical="center" wrapText="1"/>
    </xf>
    <xf numFmtId="0" fontId="24" fillId="0" borderId="102" xfId="0" applyFont="1" applyBorder="1" applyAlignment="1">
      <alignment horizontal="center" vertical="center" wrapText="1"/>
    </xf>
    <xf numFmtId="0" fontId="24" fillId="0" borderId="103" xfId="0" applyFont="1" applyBorder="1" applyAlignment="1">
      <alignment horizontal="center" vertical="center" wrapText="1"/>
    </xf>
    <xf numFmtId="0" fontId="7" fillId="0" borderId="49" xfId="0" applyFont="1" applyBorder="1" applyAlignment="1">
      <alignment horizontal="left" vertical="center" wrapText="1"/>
    </xf>
    <xf numFmtId="0" fontId="7" fillId="0" borderId="50" xfId="0" applyFont="1" applyBorder="1" applyAlignment="1">
      <alignment horizontal="left" vertical="center" wrapText="1"/>
    </xf>
    <xf numFmtId="0" fontId="7" fillId="0" borderId="51" xfId="0" applyFont="1" applyBorder="1" applyAlignment="1">
      <alignment horizontal="center" vertical="center"/>
    </xf>
    <xf numFmtId="0" fontId="7" fillId="0" borderId="86" xfId="0" applyFont="1" applyBorder="1" applyAlignment="1">
      <alignment horizontal="center" vertical="center"/>
    </xf>
    <xf numFmtId="0" fontId="7" fillId="0" borderId="18" xfId="0" applyFont="1" applyBorder="1" applyAlignment="1">
      <alignment horizontal="center" vertical="center"/>
    </xf>
    <xf numFmtId="0" fontId="7" fillId="0" borderId="19" xfId="0" applyFont="1" applyBorder="1" applyAlignment="1">
      <alignment horizontal="center" vertical="center"/>
    </xf>
    <xf numFmtId="0" fontId="7" fillId="3" borderId="49" xfId="0" applyFont="1" applyFill="1" applyBorder="1" applyAlignment="1" applyProtection="1">
      <alignment horizontal="center" vertical="center"/>
      <protection locked="0"/>
    </xf>
    <xf numFmtId="0" fontId="7" fillId="3" borderId="50" xfId="0" applyFont="1" applyFill="1" applyBorder="1" applyAlignment="1" applyProtection="1">
      <alignment horizontal="center" vertical="center"/>
      <protection locked="0"/>
    </xf>
    <xf numFmtId="0" fontId="7" fillId="0" borderId="36" xfId="0" applyFont="1" applyBorder="1" applyAlignment="1">
      <alignment horizontal="left" vertical="center" wrapText="1"/>
    </xf>
    <xf numFmtId="0" fontId="7" fillId="0" borderId="37" xfId="0" applyFont="1" applyBorder="1" applyAlignment="1">
      <alignment horizontal="left" vertical="center" wrapText="1"/>
    </xf>
    <xf numFmtId="177" fontId="7" fillId="4" borderId="33" xfId="0" applyNumberFormat="1" applyFont="1" applyFill="1" applyBorder="1" applyAlignment="1">
      <alignment horizontal="center" vertical="center" wrapText="1"/>
    </xf>
    <xf numFmtId="177" fontId="7" fillId="4" borderId="34" xfId="0" applyNumberFormat="1" applyFont="1" applyFill="1" applyBorder="1" applyAlignment="1">
      <alignment horizontal="center" vertical="center" wrapText="1"/>
    </xf>
    <xf numFmtId="0" fontId="8" fillId="4" borderId="0" xfId="0" applyFont="1" applyFill="1" applyAlignment="1">
      <alignment horizontal="left" vertical="center" indent="1"/>
    </xf>
    <xf numFmtId="0" fontId="27" fillId="0" borderId="54" xfId="2" applyBorder="1" applyAlignment="1">
      <alignment horizontal="center" vertical="center"/>
    </xf>
    <xf numFmtId="0" fontId="27" fillId="0" borderId="14" xfId="2" applyBorder="1" applyAlignment="1">
      <alignment horizontal="center" vertical="center"/>
    </xf>
    <xf numFmtId="0" fontId="27" fillId="0" borderId="2" xfId="2" applyBorder="1" applyAlignment="1">
      <alignment horizontal="center" vertical="center"/>
    </xf>
    <xf numFmtId="0" fontId="27" fillId="0" borderId="18" xfId="2" applyBorder="1" applyAlignment="1">
      <alignment horizontal="center" vertical="center"/>
    </xf>
    <xf numFmtId="0" fontId="27" fillId="0" borderId="3" xfId="2" applyBorder="1" applyAlignment="1">
      <alignment horizontal="center" vertical="center"/>
    </xf>
    <xf numFmtId="0" fontId="27" fillId="0" borderId="1" xfId="2" applyBorder="1" applyAlignment="1">
      <alignment horizontal="center" vertical="center"/>
    </xf>
    <xf numFmtId="0" fontId="27" fillId="0" borderId="91" xfId="2" applyBorder="1" applyAlignment="1">
      <alignment horizontal="center" vertical="center"/>
    </xf>
    <xf numFmtId="0" fontId="27" fillId="0" borderId="89" xfId="2" applyBorder="1" applyAlignment="1">
      <alignment horizontal="center" vertical="center"/>
    </xf>
    <xf numFmtId="0" fontId="27" fillId="0" borderId="100" xfId="2" applyBorder="1" applyAlignment="1">
      <alignment horizontal="center" vertical="center"/>
    </xf>
    <xf numFmtId="0" fontId="27" fillId="0" borderId="76" xfId="2" applyBorder="1" applyAlignment="1">
      <alignment horizontal="center" vertical="center"/>
    </xf>
    <xf numFmtId="0" fontId="27" fillId="0" borderId="88" xfId="2" applyBorder="1" applyAlignment="1">
      <alignment horizontal="center" vertical="center"/>
    </xf>
    <xf numFmtId="0" fontId="27" fillId="0" borderId="15" xfId="2" applyBorder="1" applyAlignment="1">
      <alignment horizontal="center" vertical="center"/>
    </xf>
    <xf numFmtId="0" fontId="27" fillId="0" borderId="0" xfId="2" applyAlignment="1">
      <alignment horizontal="center" vertical="center"/>
    </xf>
    <xf numFmtId="0" fontId="27" fillId="0" borderId="51" xfId="2" applyBorder="1" applyAlignment="1">
      <alignment horizontal="center" vertical="center"/>
    </xf>
    <xf numFmtId="0" fontId="27" fillId="4" borderId="0" xfId="3" applyFont="1" applyFill="1" applyAlignment="1">
      <alignment horizontal="left" vertical="center"/>
    </xf>
    <xf numFmtId="0" fontId="30" fillId="4" borderId="0" xfId="3" applyFont="1" applyFill="1" applyAlignment="1">
      <alignment horizontal="left" vertical="center"/>
    </xf>
    <xf numFmtId="0" fontId="29" fillId="4" borderId="0" xfId="3" applyFont="1" applyFill="1" applyAlignment="1">
      <alignment horizontal="center" vertical="center"/>
    </xf>
    <xf numFmtId="0" fontId="31" fillId="7" borderId="10" xfId="3" applyFont="1" applyFill="1" applyBorder="1" applyAlignment="1">
      <alignment horizontal="center" vertical="center" shrinkToFit="1"/>
    </xf>
    <xf numFmtId="0" fontId="31" fillId="7" borderId="118" xfId="3" applyFont="1" applyFill="1" applyBorder="1" applyAlignment="1">
      <alignment horizontal="center" vertical="center" shrinkToFit="1"/>
    </xf>
    <xf numFmtId="0" fontId="31" fillId="7" borderId="118" xfId="3" applyFont="1" applyFill="1" applyBorder="1" applyAlignment="1">
      <alignment horizontal="center" vertical="center"/>
    </xf>
    <xf numFmtId="0" fontId="31" fillId="7" borderId="11" xfId="3" applyFont="1" applyFill="1" applyBorder="1" applyAlignment="1">
      <alignment horizontal="center" vertical="center"/>
    </xf>
    <xf numFmtId="0" fontId="29" fillId="4" borderId="17" xfId="3" applyFont="1" applyFill="1" applyBorder="1" applyAlignment="1">
      <alignment horizontal="center" vertical="center" shrinkToFit="1"/>
    </xf>
    <xf numFmtId="0" fontId="29" fillId="4" borderId="3" xfId="3" applyFont="1" applyFill="1" applyBorder="1" applyAlignment="1">
      <alignment horizontal="center" vertical="center" shrinkToFit="1"/>
    </xf>
    <xf numFmtId="0" fontId="29" fillId="4" borderId="2" xfId="3" applyFont="1" applyFill="1" applyBorder="1" applyAlignment="1">
      <alignment horizontal="left" vertical="top" wrapText="1"/>
    </xf>
    <xf numFmtId="0" fontId="29" fillId="4" borderId="18" xfId="3" applyFont="1" applyFill="1" applyBorder="1" applyAlignment="1">
      <alignment horizontal="left" vertical="top" wrapText="1"/>
    </xf>
    <xf numFmtId="0" fontId="29" fillId="4" borderId="3" xfId="3" applyFont="1" applyFill="1" applyBorder="1" applyAlignment="1">
      <alignment horizontal="left" vertical="top" wrapText="1"/>
    </xf>
    <xf numFmtId="0" fontId="29" fillId="4" borderId="19" xfId="3" applyFont="1" applyFill="1" applyBorder="1" applyAlignment="1">
      <alignment horizontal="left" vertical="top" wrapText="1"/>
    </xf>
    <xf numFmtId="0" fontId="32" fillId="4" borderId="0" xfId="3" applyFont="1" applyFill="1" applyAlignment="1">
      <alignment horizontal="left" vertical="top"/>
    </xf>
    <xf numFmtId="0" fontId="33" fillId="4" borderId="0" xfId="3" applyFont="1" applyFill="1" applyAlignment="1">
      <alignment horizontal="left" vertical="top" wrapText="1"/>
    </xf>
    <xf numFmtId="0" fontId="29" fillId="4" borderId="46" xfId="3" applyFont="1" applyFill="1" applyBorder="1" applyAlignment="1">
      <alignment horizontal="center" vertical="center" shrinkToFit="1"/>
    </xf>
    <xf numFmtId="0" fontId="29" fillId="4" borderId="47" xfId="3" applyFont="1" applyFill="1" applyBorder="1" applyAlignment="1">
      <alignment horizontal="center" vertical="center" shrinkToFit="1"/>
    </xf>
    <xf numFmtId="0" fontId="29" fillId="4" borderId="48" xfId="3" applyFont="1" applyFill="1" applyBorder="1" applyAlignment="1">
      <alignment horizontal="left" vertical="top" wrapText="1"/>
    </xf>
    <xf numFmtId="0" fontId="29" fillId="4" borderId="49" xfId="3" applyFont="1" applyFill="1" applyBorder="1" applyAlignment="1">
      <alignment horizontal="left" vertical="top" wrapText="1"/>
    </xf>
    <xf numFmtId="0" fontId="29" fillId="4" borderId="47" xfId="3" applyFont="1" applyFill="1" applyBorder="1" applyAlignment="1">
      <alignment horizontal="left" vertical="top" wrapText="1"/>
    </xf>
    <xf numFmtId="0" fontId="29" fillId="4" borderId="50" xfId="3" applyFont="1" applyFill="1" applyBorder="1" applyAlignment="1">
      <alignment horizontal="left" vertical="top" wrapText="1"/>
    </xf>
    <xf numFmtId="0" fontId="27" fillId="4" borderId="53" xfId="3" applyFont="1" applyFill="1" applyBorder="1" applyAlignment="1">
      <alignment horizontal="left" vertical="center" wrapText="1"/>
    </xf>
    <xf numFmtId="0" fontId="27" fillId="4" borderId="16" xfId="3" applyFont="1" applyFill="1" applyBorder="1" applyAlignment="1">
      <alignment horizontal="left" vertical="center" wrapText="1"/>
    </xf>
    <xf numFmtId="0" fontId="27" fillId="4" borderId="53" xfId="3" applyFont="1" applyFill="1" applyBorder="1" applyAlignment="1">
      <alignment horizontal="center" vertical="top" wrapText="1"/>
    </xf>
    <xf numFmtId="0" fontId="27" fillId="4" borderId="16" xfId="3" applyFont="1" applyFill="1" applyBorder="1" applyAlignment="1">
      <alignment horizontal="center" vertical="top" wrapText="1"/>
    </xf>
    <xf numFmtId="0" fontId="27" fillId="4" borderId="55" xfId="3" applyFont="1" applyFill="1" applyBorder="1" applyAlignment="1">
      <alignment horizontal="center" vertical="top" wrapText="1"/>
    </xf>
    <xf numFmtId="0" fontId="27" fillId="4" borderId="28" xfId="3" applyFont="1" applyFill="1" applyBorder="1" applyAlignment="1">
      <alignment horizontal="center" vertical="top" wrapText="1"/>
    </xf>
    <xf numFmtId="0" fontId="30" fillId="4" borderId="0" xfId="3" applyFont="1" applyFill="1" applyAlignment="1">
      <alignment horizontal="center" vertical="center"/>
    </xf>
    <xf numFmtId="0" fontId="27" fillId="4" borderId="10" xfId="3" applyFont="1" applyFill="1" applyBorder="1" applyAlignment="1">
      <alignment horizontal="center" vertical="center" wrapText="1"/>
    </xf>
    <xf numFmtId="0" fontId="27" fillId="4" borderId="11" xfId="3" applyFont="1" applyFill="1" applyBorder="1" applyAlignment="1">
      <alignment horizontal="center" vertical="center" wrapText="1"/>
    </xf>
    <xf numFmtId="0" fontId="27" fillId="4" borderId="87" xfId="3" applyFont="1" applyFill="1" applyBorder="1" applyAlignment="1">
      <alignment horizontal="left" vertical="center" wrapText="1"/>
    </xf>
    <xf numFmtId="0" fontId="27" fillId="4" borderId="92" xfId="3" applyFont="1" applyFill="1" applyBorder="1" applyAlignment="1">
      <alignment horizontal="left" vertical="center" wrapText="1"/>
    </xf>
    <xf numFmtId="0" fontId="27" fillId="4" borderId="53" xfId="3" applyFont="1" applyFill="1" applyBorder="1" applyAlignment="1">
      <alignment horizontal="left" vertical="top" wrapText="1"/>
    </xf>
    <xf numFmtId="0" fontId="27" fillId="4" borderId="16" xfId="3" applyFont="1" applyFill="1" applyBorder="1" applyAlignment="1">
      <alignment horizontal="left" vertical="top" wrapText="1"/>
    </xf>
    <xf numFmtId="0" fontId="33" fillId="4" borderId="91" xfId="3" applyFont="1" applyFill="1" applyBorder="1" applyAlignment="1">
      <alignment horizontal="center" vertical="top"/>
    </xf>
    <xf numFmtId="0" fontId="33" fillId="4" borderId="88" xfId="3" applyFont="1" applyFill="1" applyBorder="1" applyAlignment="1">
      <alignment horizontal="center" vertical="top"/>
    </xf>
    <xf numFmtId="0" fontId="33" fillId="4" borderId="89" xfId="3" applyFont="1" applyFill="1" applyBorder="1" applyAlignment="1">
      <alignment horizontal="center" vertical="top"/>
    </xf>
    <xf numFmtId="0" fontId="33" fillId="4" borderId="0" xfId="3" applyFont="1" applyFill="1" applyAlignment="1">
      <alignment horizontal="left" vertical="top"/>
    </xf>
    <xf numFmtId="0" fontId="32" fillId="4" borderId="0" xfId="3" applyFont="1" applyFill="1" applyAlignment="1">
      <alignment horizontal="center" vertical="center"/>
    </xf>
    <xf numFmtId="0" fontId="30" fillId="4" borderId="0" xfId="3" applyFont="1" applyFill="1" applyAlignment="1">
      <alignment horizontal="right"/>
    </xf>
    <xf numFmtId="0" fontId="29" fillId="4" borderId="0" xfId="3" applyFont="1" applyFill="1" applyAlignment="1">
      <alignment horizontal="left" vertical="center"/>
    </xf>
    <xf numFmtId="0" fontId="29" fillId="4" borderId="51" xfId="3" applyFont="1" applyFill="1" applyBorder="1" applyAlignment="1">
      <alignment horizontal="left" vertical="center"/>
    </xf>
    <xf numFmtId="0" fontId="29" fillId="4" borderId="88" xfId="3" applyFont="1" applyFill="1" applyBorder="1" applyAlignment="1">
      <alignment horizontal="left"/>
    </xf>
    <xf numFmtId="0" fontId="33" fillId="4" borderId="51" xfId="3" applyFont="1" applyFill="1" applyBorder="1" applyAlignment="1">
      <alignment horizontal="center"/>
    </xf>
    <xf numFmtId="0" fontId="32" fillId="4" borderId="0" xfId="3" applyFont="1" applyFill="1" applyAlignment="1">
      <alignment horizontal="center" vertical="top"/>
    </xf>
    <xf numFmtId="0" fontId="35" fillId="4" borderId="0" xfId="3" applyFont="1" applyFill="1" applyAlignment="1">
      <alignment horizontal="left" vertical="top" wrapText="1"/>
    </xf>
    <xf numFmtId="0" fontId="33" fillId="4" borderId="0" xfId="3" applyFont="1" applyFill="1" applyAlignment="1">
      <alignment horizontal="center" vertical="top"/>
    </xf>
    <xf numFmtId="0" fontId="29" fillId="4" borderId="51" xfId="3" applyFont="1" applyFill="1" applyBorder="1" applyAlignment="1">
      <alignment horizontal="left" vertical="top" wrapText="1"/>
    </xf>
    <xf numFmtId="0" fontId="29" fillId="4" borderId="76" xfId="3" applyFont="1" applyFill="1" applyBorder="1" applyAlignment="1">
      <alignment horizontal="left" vertical="top" wrapText="1"/>
    </xf>
    <xf numFmtId="0" fontId="29" fillId="4" borderId="15" xfId="3" applyFont="1" applyFill="1" applyBorder="1" applyAlignment="1">
      <alignment horizontal="left" vertical="top" wrapText="1"/>
    </xf>
    <xf numFmtId="0" fontId="29" fillId="4" borderId="0" xfId="3" applyFont="1" applyFill="1" applyAlignment="1">
      <alignment horizontal="left" vertical="top"/>
    </xf>
    <xf numFmtId="0" fontId="29" fillId="4" borderId="14" xfId="3" applyFont="1" applyFill="1" applyBorder="1" applyAlignment="1">
      <alignment horizontal="left" vertical="top"/>
    </xf>
    <xf numFmtId="0" fontId="29" fillId="4" borderId="0" xfId="3" applyFont="1" applyFill="1" applyAlignment="1">
      <alignment horizontal="left" vertical="top" wrapText="1"/>
    </xf>
    <xf numFmtId="0" fontId="29" fillId="4" borderId="14" xfId="3" applyFont="1" applyFill="1" applyBorder="1" applyAlignment="1">
      <alignment horizontal="left" vertical="top" wrapText="1"/>
    </xf>
    <xf numFmtId="0" fontId="32" fillId="4" borderId="0" xfId="3" applyFont="1" applyFill="1" applyAlignment="1">
      <alignment horizontal="right" vertical="center"/>
    </xf>
  </cellXfs>
  <cellStyles count="4">
    <cellStyle name="桁区切り" xfId="1" builtinId="6"/>
    <cellStyle name="標準" xfId="0" builtinId="0"/>
    <cellStyle name="標準 2" xfId="2" xr:uid="{6ED88811-B066-4AC3-B957-F43EE2A0A9D3}"/>
    <cellStyle name="標準 3" xfId="3" xr:uid="{00C31017-F541-44C8-98B5-3B7A8DD72EB8}"/>
  </cellStyles>
  <dxfs count="280">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352425</xdr:colOff>
      <xdr:row>3</xdr:row>
      <xdr:rowOff>38100</xdr:rowOff>
    </xdr:from>
    <xdr:to>
      <xdr:col>3</xdr:col>
      <xdr:colOff>533400</xdr:colOff>
      <xdr:row>4</xdr:row>
      <xdr:rowOff>200025</xdr:rowOff>
    </xdr:to>
    <xdr:sp macro="" textlink="">
      <xdr:nvSpPr>
        <xdr:cNvPr id="2" name="右中かっこ 1">
          <a:extLst>
            <a:ext uri="{FF2B5EF4-FFF2-40B4-BE49-F238E27FC236}">
              <a16:creationId xmlns:a16="http://schemas.microsoft.com/office/drawing/2014/main" id="{60C8FC3F-D58C-4E3E-8049-360164E6CA50}"/>
            </a:ext>
          </a:extLst>
        </xdr:cNvPr>
        <xdr:cNvSpPr/>
      </xdr:nvSpPr>
      <xdr:spPr>
        <a:xfrm>
          <a:off x="5095875" y="790575"/>
          <a:ext cx="180975"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200025</xdr:colOff>
      <xdr:row>67</xdr:row>
      <xdr:rowOff>219074</xdr:rowOff>
    </xdr:from>
    <xdr:to>
      <xdr:col>14</xdr:col>
      <xdr:colOff>495300</xdr:colOff>
      <xdr:row>76</xdr:row>
      <xdr:rowOff>142874</xdr:rowOff>
    </xdr:to>
    <xdr:sp macro="" textlink="">
      <xdr:nvSpPr>
        <xdr:cNvPr id="3" name="正方形/長方形 2">
          <a:extLst>
            <a:ext uri="{FF2B5EF4-FFF2-40B4-BE49-F238E27FC236}">
              <a16:creationId xmlns:a16="http://schemas.microsoft.com/office/drawing/2014/main" id="{9D6A0974-F91B-4B37-B305-C43727229CC7}"/>
            </a:ext>
          </a:extLst>
        </xdr:cNvPr>
        <xdr:cNvSpPr/>
      </xdr:nvSpPr>
      <xdr:spPr>
        <a:xfrm>
          <a:off x="200025" y="17430749"/>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algn="l"/>
          <a:r>
            <a:rPr kumimoji="1" lang="ja-JP" altLang="en-US" sz="1100">
              <a:solidFill>
                <a:sysClr val="windowText" lastClr="000000"/>
              </a:solidFill>
            </a:rPr>
            <a:t>・必要項目を満たしていれば、各事業所で使用するシフト表等をもって代替書類として差し支えありません。</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a:extLst>
            <a:ext uri="{FF2B5EF4-FFF2-40B4-BE49-F238E27FC236}">
              <a16:creationId xmlns:a16="http://schemas.microsoft.com/office/drawing/2014/main" id="{5FFFEDD4-ED32-4B8E-B389-34E813C0CC7E}"/>
            </a:ext>
          </a:extLst>
        </xdr:cNvPr>
        <xdr:cNvSpPr/>
      </xdr:nvSpPr>
      <xdr:spPr>
        <a:xfrm>
          <a:off x="542925" y="13868400"/>
          <a:ext cx="17573625" cy="45339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381000</xdr:colOff>
      <xdr:row>3</xdr:row>
      <xdr:rowOff>85725</xdr:rowOff>
    </xdr:from>
    <xdr:to>
      <xdr:col>4</xdr:col>
      <xdr:colOff>457200</xdr:colOff>
      <xdr:row>4</xdr:row>
      <xdr:rowOff>247650</xdr:rowOff>
    </xdr:to>
    <xdr:sp macro="" textlink="">
      <xdr:nvSpPr>
        <xdr:cNvPr id="2" name="右中かっこ 1">
          <a:extLst>
            <a:ext uri="{FF2B5EF4-FFF2-40B4-BE49-F238E27FC236}">
              <a16:creationId xmlns:a16="http://schemas.microsoft.com/office/drawing/2014/main" id="{CEFA2C21-F7C7-4800-9323-590793D730AC}"/>
            </a:ext>
          </a:extLst>
        </xdr:cNvPr>
        <xdr:cNvSpPr/>
      </xdr:nvSpPr>
      <xdr:spPr>
        <a:xfrm>
          <a:off x="5372100" y="838200"/>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95250</xdr:colOff>
      <xdr:row>74</xdr:row>
      <xdr:rowOff>19050</xdr:rowOff>
    </xdr:from>
    <xdr:to>
      <xdr:col>15</xdr:col>
      <xdr:colOff>285750</xdr:colOff>
      <xdr:row>83</xdr:row>
      <xdr:rowOff>57150</xdr:rowOff>
    </xdr:to>
    <xdr:sp macro="" textlink="">
      <xdr:nvSpPr>
        <xdr:cNvPr id="3" name="正方形/長方形 2">
          <a:extLst>
            <a:ext uri="{FF2B5EF4-FFF2-40B4-BE49-F238E27FC236}">
              <a16:creationId xmlns:a16="http://schemas.microsoft.com/office/drawing/2014/main" id="{ADC7F3EB-53E4-4B39-BF1D-420B04D5D806}"/>
            </a:ext>
          </a:extLst>
        </xdr:cNvPr>
        <xdr:cNvSpPr/>
      </xdr:nvSpPr>
      <xdr:spPr>
        <a:xfrm>
          <a:off x="238125" y="16935450"/>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a:extLst>
            <a:ext uri="{FF2B5EF4-FFF2-40B4-BE49-F238E27FC236}">
              <a16:creationId xmlns:a16="http://schemas.microsoft.com/office/drawing/2014/main" id="{CE3ADFB1-607B-42B8-8F7C-06B015785E95}"/>
            </a:ext>
          </a:extLst>
        </xdr:cNvPr>
        <xdr:cNvSpPr/>
      </xdr:nvSpPr>
      <xdr:spPr>
        <a:xfrm>
          <a:off x="542925" y="13868400"/>
          <a:ext cx="17573625" cy="45339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a:extLst>
            <a:ext uri="{FF2B5EF4-FFF2-40B4-BE49-F238E27FC236}">
              <a16:creationId xmlns:a16="http://schemas.microsoft.com/office/drawing/2014/main" id="{80A0D18D-0A8C-487A-B72E-B015BE749505}"/>
            </a:ext>
          </a:extLst>
        </xdr:cNvPr>
        <xdr:cNvSpPr/>
      </xdr:nvSpPr>
      <xdr:spPr>
        <a:xfrm>
          <a:off x="542925" y="13868400"/>
          <a:ext cx="17573625" cy="45339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5.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8B898C-63B9-4CC8-9B82-03DF00BB31A4}">
  <dimension ref="A1:BF57"/>
  <sheetViews>
    <sheetView showGridLines="0" view="pageBreakPreview" zoomScale="40" zoomScaleNormal="55" zoomScaleSheetLayoutView="40" workbookViewId="0">
      <selection activeCell="AC22" sqref="AC22"/>
    </sheetView>
  </sheetViews>
  <sheetFormatPr defaultColWidth="4.5" defaultRowHeight="20.25" customHeight="1" x14ac:dyDescent="0.4"/>
  <cols>
    <col min="1" max="1" width="1.375" style="44" customWidth="1"/>
    <col min="2" max="56" width="5.625" style="44" customWidth="1"/>
    <col min="57" max="16384" width="4.5" style="44"/>
  </cols>
  <sheetData>
    <row r="1" spans="1:57" s="6" customFormat="1" ht="20.25" customHeight="1" x14ac:dyDescent="0.4">
      <c r="A1" s="1"/>
      <c r="B1" s="1"/>
      <c r="C1" s="2" t="s">
        <v>0</v>
      </c>
      <c r="D1" s="2"/>
      <c r="E1" s="1"/>
      <c r="F1" s="1"/>
      <c r="G1" s="3" t="s">
        <v>1</v>
      </c>
      <c r="H1" s="1"/>
      <c r="I1" s="1"/>
      <c r="J1" s="2"/>
      <c r="K1" s="2"/>
      <c r="L1" s="2"/>
      <c r="M1" s="2"/>
      <c r="N1" s="1"/>
      <c r="O1" s="1"/>
      <c r="P1" s="1"/>
      <c r="Q1" s="1"/>
      <c r="R1" s="1"/>
      <c r="S1" s="1"/>
      <c r="T1" s="1"/>
      <c r="U1" s="1"/>
      <c r="V1" s="1"/>
      <c r="W1" s="1"/>
      <c r="X1" s="1"/>
      <c r="Y1" s="1"/>
      <c r="Z1" s="1"/>
      <c r="AA1" s="1"/>
      <c r="AB1" s="1"/>
      <c r="AC1" s="1"/>
      <c r="AD1" s="1"/>
      <c r="AE1" s="1"/>
      <c r="AF1" s="1"/>
      <c r="AG1" s="1"/>
      <c r="AH1" s="1"/>
      <c r="AI1" s="1"/>
      <c r="AJ1" s="1"/>
      <c r="AK1" s="4" t="s">
        <v>2</v>
      </c>
      <c r="AL1" s="4" t="s">
        <v>3</v>
      </c>
      <c r="AM1" s="302" t="s">
        <v>4</v>
      </c>
      <c r="AN1" s="302"/>
      <c r="AO1" s="302"/>
      <c r="AP1" s="302"/>
      <c r="AQ1" s="302"/>
      <c r="AR1" s="302"/>
      <c r="AS1" s="302"/>
      <c r="AT1" s="302"/>
      <c r="AU1" s="302"/>
      <c r="AV1" s="302"/>
      <c r="AW1" s="302"/>
      <c r="AX1" s="302"/>
      <c r="AY1" s="302"/>
      <c r="AZ1" s="302"/>
      <c r="BA1" s="302"/>
      <c r="BB1" s="5" t="s">
        <v>5</v>
      </c>
      <c r="BC1" s="1"/>
      <c r="BD1" s="1"/>
    </row>
    <row r="2" spans="1:57" s="9" customFormat="1" ht="20.25" customHeight="1" x14ac:dyDescent="0.4">
      <c r="A2" s="7"/>
      <c r="B2" s="7"/>
      <c r="C2" s="7"/>
      <c r="D2" s="3"/>
      <c r="E2" s="7"/>
      <c r="F2" s="7"/>
      <c r="G2" s="7"/>
      <c r="H2" s="3"/>
      <c r="I2" s="4"/>
      <c r="J2" s="4"/>
      <c r="K2" s="4"/>
      <c r="L2" s="4"/>
      <c r="M2" s="4"/>
      <c r="N2" s="7"/>
      <c r="O2" s="7"/>
      <c r="P2" s="7"/>
      <c r="Q2" s="7"/>
      <c r="R2" s="7"/>
      <c r="S2" s="7"/>
      <c r="T2" s="4" t="s">
        <v>6</v>
      </c>
      <c r="U2" s="303">
        <v>6</v>
      </c>
      <c r="V2" s="303"/>
      <c r="W2" s="4" t="s">
        <v>3</v>
      </c>
      <c r="X2" s="304">
        <f>IF(U2=0,"",YEAR(DATE(2018+U2,1,1)))</f>
        <v>2024</v>
      </c>
      <c r="Y2" s="304"/>
      <c r="Z2" s="7" t="s">
        <v>7</v>
      </c>
      <c r="AA2" s="7" t="s">
        <v>8</v>
      </c>
      <c r="AB2" s="303">
        <v>4</v>
      </c>
      <c r="AC2" s="303"/>
      <c r="AD2" s="7" t="s">
        <v>9</v>
      </c>
      <c r="AE2" s="7"/>
      <c r="AF2" s="7"/>
      <c r="AG2" s="7"/>
      <c r="AH2" s="7"/>
      <c r="AI2" s="7"/>
      <c r="AJ2" s="5"/>
      <c r="AK2" s="4" t="s">
        <v>10</v>
      </c>
      <c r="AL2" s="4" t="s">
        <v>3</v>
      </c>
      <c r="AM2" s="303"/>
      <c r="AN2" s="303"/>
      <c r="AO2" s="303"/>
      <c r="AP2" s="303"/>
      <c r="AQ2" s="303"/>
      <c r="AR2" s="303"/>
      <c r="AS2" s="303"/>
      <c r="AT2" s="303"/>
      <c r="AU2" s="303"/>
      <c r="AV2" s="303"/>
      <c r="AW2" s="303"/>
      <c r="AX2" s="303"/>
      <c r="AY2" s="303"/>
      <c r="AZ2" s="303"/>
      <c r="BA2" s="303"/>
      <c r="BB2" s="5" t="s">
        <v>5</v>
      </c>
      <c r="BC2" s="4"/>
      <c r="BD2" s="4"/>
      <c r="BE2" s="8"/>
    </row>
    <row r="3" spans="1:57" s="9" customFormat="1" ht="20.25" customHeight="1" x14ac:dyDescent="0.4">
      <c r="A3" s="7"/>
      <c r="B3" s="7"/>
      <c r="C3" s="7"/>
      <c r="D3" s="3"/>
      <c r="E3" s="7"/>
      <c r="F3" s="7"/>
      <c r="G3" s="7"/>
      <c r="H3" s="3"/>
      <c r="I3" s="4"/>
      <c r="J3" s="4"/>
      <c r="K3" s="4"/>
      <c r="L3" s="4"/>
      <c r="M3" s="4"/>
      <c r="N3" s="7"/>
      <c r="O3" s="7"/>
      <c r="P3" s="7"/>
      <c r="Q3" s="7"/>
      <c r="R3" s="7"/>
      <c r="S3" s="7"/>
      <c r="T3" s="10"/>
      <c r="U3" s="11"/>
      <c r="V3" s="11"/>
      <c r="W3" s="12"/>
      <c r="X3" s="11"/>
      <c r="Y3" s="11"/>
      <c r="Z3" s="13"/>
      <c r="AA3" s="13"/>
      <c r="AB3" s="11"/>
      <c r="AC3" s="11"/>
      <c r="AD3" s="14"/>
      <c r="AE3" s="7"/>
      <c r="AF3" s="7"/>
      <c r="AG3" s="7"/>
      <c r="AH3" s="7"/>
      <c r="AI3" s="7"/>
      <c r="AJ3" s="5"/>
      <c r="AK3" s="4"/>
      <c r="AL3" s="4"/>
      <c r="AM3" s="15"/>
      <c r="AN3" s="15"/>
      <c r="AO3" s="15"/>
      <c r="AP3" s="15"/>
      <c r="AQ3" s="15"/>
      <c r="AR3" s="15"/>
      <c r="AS3" s="15"/>
      <c r="AT3" s="15"/>
      <c r="AU3" s="15"/>
      <c r="AV3" s="15"/>
      <c r="AW3" s="15"/>
      <c r="AX3" s="15"/>
      <c r="AY3" s="16" t="s">
        <v>11</v>
      </c>
      <c r="AZ3" s="305" t="s">
        <v>12</v>
      </c>
      <c r="BA3" s="305"/>
      <c r="BB3" s="305"/>
      <c r="BC3" s="305"/>
      <c r="BD3" s="4"/>
      <c r="BE3" s="8"/>
    </row>
    <row r="4" spans="1:57" s="9" customFormat="1" ht="20.25" customHeight="1" x14ac:dyDescent="0.4">
      <c r="A4" s="7"/>
      <c r="B4" s="17"/>
      <c r="C4" s="17"/>
      <c r="D4" s="17"/>
      <c r="E4" s="17"/>
      <c r="F4" s="17"/>
      <c r="G4" s="17"/>
      <c r="H4" s="17"/>
      <c r="I4" s="17"/>
      <c r="J4" s="18"/>
      <c r="K4" s="19"/>
      <c r="L4" s="19"/>
      <c r="M4" s="19"/>
      <c r="N4" s="19"/>
      <c r="O4" s="19"/>
      <c r="P4" s="20"/>
      <c r="Q4" s="19"/>
      <c r="R4" s="19"/>
      <c r="S4" s="21"/>
      <c r="T4" s="7"/>
      <c r="U4" s="7"/>
      <c r="V4" s="7"/>
      <c r="W4" s="7"/>
      <c r="X4" s="7"/>
      <c r="Y4" s="7"/>
      <c r="Z4" s="13"/>
      <c r="AA4" s="13"/>
      <c r="AB4" s="11"/>
      <c r="AC4" s="11"/>
      <c r="AD4" s="14"/>
      <c r="AE4" s="7"/>
      <c r="AF4" s="7"/>
      <c r="AG4" s="7"/>
      <c r="AH4" s="7"/>
      <c r="AI4" s="7"/>
      <c r="AJ4" s="5"/>
      <c r="AK4" s="4"/>
      <c r="AL4" s="4"/>
      <c r="AM4" s="15"/>
      <c r="AN4" s="15"/>
      <c r="AO4" s="15"/>
      <c r="AP4" s="15"/>
      <c r="AQ4" s="15"/>
      <c r="AR4" s="15"/>
      <c r="AS4" s="15"/>
      <c r="AT4" s="15"/>
      <c r="AU4" s="15"/>
      <c r="AV4" s="15"/>
      <c r="AW4" s="15"/>
      <c r="AX4" s="15"/>
      <c r="AY4" s="16" t="s">
        <v>13</v>
      </c>
      <c r="AZ4" s="305" t="s">
        <v>14</v>
      </c>
      <c r="BA4" s="305"/>
      <c r="BB4" s="305"/>
      <c r="BC4" s="305"/>
      <c r="BD4" s="4"/>
      <c r="BE4" s="8"/>
    </row>
    <row r="5" spans="1:57" s="9" customFormat="1" ht="20.25" customHeight="1" x14ac:dyDescent="0.4">
      <c r="A5" s="7"/>
      <c r="B5" s="22"/>
      <c r="C5" s="22"/>
      <c r="D5" s="22"/>
      <c r="E5" s="22"/>
      <c r="F5" s="22"/>
      <c r="G5" s="22"/>
      <c r="H5" s="22"/>
      <c r="I5" s="22"/>
      <c r="J5" s="23"/>
      <c r="K5" s="24"/>
      <c r="L5" s="25"/>
      <c r="M5" s="25"/>
      <c r="N5" s="25"/>
      <c r="O5" s="25"/>
      <c r="P5" s="22"/>
      <c r="Q5" s="26"/>
      <c r="R5" s="26"/>
      <c r="S5" s="27"/>
      <c r="T5" s="7"/>
      <c r="U5" s="7"/>
      <c r="V5" s="7"/>
      <c r="W5" s="7"/>
      <c r="X5" s="7"/>
      <c r="Y5" s="7"/>
      <c r="Z5" s="13"/>
      <c r="AA5" s="13"/>
      <c r="AB5" s="11"/>
      <c r="AC5" s="11"/>
      <c r="AD5" s="28"/>
      <c r="AE5" s="28"/>
      <c r="AF5" s="28"/>
      <c r="AG5" s="28"/>
      <c r="AH5" s="7"/>
      <c r="AI5" s="7"/>
      <c r="AJ5" s="28" t="s">
        <v>15</v>
      </c>
      <c r="AK5" s="28"/>
      <c r="AL5" s="28"/>
      <c r="AM5" s="28"/>
      <c r="AN5" s="28"/>
      <c r="AO5" s="28"/>
      <c r="AP5" s="28"/>
      <c r="AQ5" s="28"/>
      <c r="AR5" s="17"/>
      <c r="AS5" s="17"/>
      <c r="AT5" s="29"/>
      <c r="AU5" s="28"/>
      <c r="AV5" s="319">
        <v>40</v>
      </c>
      <c r="AW5" s="320"/>
      <c r="AX5" s="29" t="s">
        <v>16</v>
      </c>
      <c r="AY5" s="28"/>
      <c r="AZ5" s="319">
        <v>160</v>
      </c>
      <c r="BA5" s="320"/>
      <c r="BB5" s="29" t="s">
        <v>17</v>
      </c>
      <c r="BC5" s="28"/>
      <c r="BD5" s="7"/>
      <c r="BE5" s="8"/>
    </row>
    <row r="6" spans="1:57" s="9" customFormat="1" ht="20.25" customHeight="1" x14ac:dyDescent="0.4">
      <c r="A6" s="7"/>
      <c r="B6" s="22"/>
      <c r="C6" s="22"/>
      <c r="D6" s="22"/>
      <c r="E6" s="22"/>
      <c r="F6" s="22"/>
      <c r="G6" s="22"/>
      <c r="H6" s="22"/>
      <c r="I6" s="22"/>
      <c r="J6" s="22"/>
      <c r="K6" s="30"/>
      <c r="L6" s="30"/>
      <c r="M6" s="30"/>
      <c r="N6" s="22"/>
      <c r="O6" s="31"/>
      <c r="P6" s="32"/>
      <c r="Q6" s="32"/>
      <c r="R6" s="33"/>
      <c r="S6" s="34"/>
      <c r="T6" s="7"/>
      <c r="U6" s="7"/>
      <c r="V6" s="7"/>
      <c r="W6" s="7"/>
      <c r="X6" s="7"/>
      <c r="Y6" s="7"/>
      <c r="Z6" s="13"/>
      <c r="AA6" s="13"/>
      <c r="AB6" s="11"/>
      <c r="AC6" s="11"/>
      <c r="AD6" s="35"/>
      <c r="AE6" s="1"/>
      <c r="AF6" s="1"/>
      <c r="AG6" s="1"/>
      <c r="AH6" s="7"/>
      <c r="AI6" s="7"/>
      <c r="AJ6" s="7"/>
      <c r="AK6" s="7"/>
      <c r="AL6" s="1"/>
      <c r="AM6" s="1"/>
      <c r="AN6" s="36"/>
      <c r="AO6" s="37"/>
      <c r="AP6" s="37"/>
      <c r="AQ6" s="38"/>
      <c r="AR6" s="38"/>
      <c r="AS6" s="38"/>
      <c r="AT6" s="38"/>
      <c r="AU6" s="38"/>
      <c r="AV6" s="38"/>
      <c r="AW6" s="28" t="s">
        <v>18</v>
      </c>
      <c r="AX6" s="28"/>
      <c r="AY6" s="28"/>
      <c r="AZ6" s="321">
        <f>DAY(EOMONTH(DATE(X2,AB2,1),0))</f>
        <v>30</v>
      </c>
      <c r="BA6" s="322"/>
      <c r="BB6" s="29" t="s">
        <v>19</v>
      </c>
      <c r="BC6" s="7"/>
      <c r="BD6" s="7"/>
      <c r="BE6" s="8"/>
    </row>
    <row r="7" spans="1:57" ht="20.25" customHeight="1" thickBot="1" x14ac:dyDescent="0.45">
      <c r="A7" s="39"/>
      <c r="B7" s="39"/>
      <c r="C7" s="40"/>
      <c r="D7" s="40"/>
      <c r="E7" s="39"/>
      <c r="F7" s="39"/>
      <c r="G7" s="41"/>
      <c r="H7" s="39"/>
      <c r="I7" s="39"/>
      <c r="J7" s="39"/>
      <c r="K7" s="39"/>
      <c r="L7" s="39"/>
      <c r="M7" s="39"/>
      <c r="N7" s="39"/>
      <c r="O7" s="39"/>
      <c r="P7" s="39"/>
      <c r="Q7" s="39"/>
      <c r="R7" s="39"/>
      <c r="S7" s="40"/>
      <c r="T7" s="39"/>
      <c r="U7" s="39"/>
      <c r="V7" s="39"/>
      <c r="W7" s="39"/>
      <c r="X7" s="39"/>
      <c r="Y7" s="39"/>
      <c r="Z7" s="39"/>
      <c r="AA7" s="39"/>
      <c r="AB7" s="39"/>
      <c r="AC7" s="39"/>
      <c r="AD7" s="39"/>
      <c r="AE7" s="39"/>
      <c r="AF7" s="39"/>
      <c r="AG7" s="39"/>
      <c r="AH7" s="39"/>
      <c r="AI7" s="39"/>
      <c r="AJ7" s="40"/>
      <c r="AK7" s="39"/>
      <c r="AL7" s="39"/>
      <c r="AM7" s="39"/>
      <c r="AN7" s="39"/>
      <c r="AO7" s="39"/>
      <c r="AP7" s="39"/>
      <c r="AQ7" s="39"/>
      <c r="AR7" s="39"/>
      <c r="AS7" s="39"/>
      <c r="AT7" s="39"/>
      <c r="AU7" s="39"/>
      <c r="AV7" s="39"/>
      <c r="AW7" s="39"/>
      <c r="AX7" s="39"/>
      <c r="AY7" s="39"/>
      <c r="AZ7" s="39"/>
      <c r="BA7" s="39"/>
      <c r="BB7" s="39"/>
      <c r="BC7" s="42"/>
      <c r="BD7" s="42"/>
      <c r="BE7" s="43"/>
    </row>
    <row r="8" spans="1:57" ht="20.25" customHeight="1" thickBot="1" x14ac:dyDescent="0.45">
      <c r="A8" s="39"/>
      <c r="B8" s="285" t="s">
        <v>20</v>
      </c>
      <c r="C8" s="288" t="s">
        <v>21</v>
      </c>
      <c r="D8" s="289"/>
      <c r="E8" s="294" t="s">
        <v>22</v>
      </c>
      <c r="F8" s="289"/>
      <c r="G8" s="294" t="s">
        <v>23</v>
      </c>
      <c r="H8" s="288"/>
      <c r="I8" s="288"/>
      <c r="J8" s="288"/>
      <c r="K8" s="289"/>
      <c r="L8" s="294" t="s">
        <v>24</v>
      </c>
      <c r="M8" s="288"/>
      <c r="N8" s="288"/>
      <c r="O8" s="297"/>
      <c r="P8" s="300" t="s">
        <v>25</v>
      </c>
      <c r="Q8" s="301"/>
      <c r="R8" s="301"/>
      <c r="S8" s="301"/>
      <c r="T8" s="301"/>
      <c r="U8" s="301"/>
      <c r="V8" s="301"/>
      <c r="W8" s="301"/>
      <c r="X8" s="301"/>
      <c r="Y8" s="301"/>
      <c r="Z8" s="301"/>
      <c r="AA8" s="301"/>
      <c r="AB8" s="301"/>
      <c r="AC8" s="301"/>
      <c r="AD8" s="301"/>
      <c r="AE8" s="301"/>
      <c r="AF8" s="301"/>
      <c r="AG8" s="301"/>
      <c r="AH8" s="301"/>
      <c r="AI8" s="301"/>
      <c r="AJ8" s="301"/>
      <c r="AK8" s="301"/>
      <c r="AL8" s="301"/>
      <c r="AM8" s="301"/>
      <c r="AN8" s="301"/>
      <c r="AO8" s="301"/>
      <c r="AP8" s="301"/>
      <c r="AQ8" s="301"/>
      <c r="AR8" s="301"/>
      <c r="AS8" s="301"/>
      <c r="AT8" s="301"/>
      <c r="AU8" s="306" t="str">
        <f>IF(AZ3="４週","(9)1～4週目の勤務時間数合計","(9)1か月の勤務時間数合計")</f>
        <v>(9)1～4週目の勤務時間数合計</v>
      </c>
      <c r="AV8" s="307"/>
      <c r="AW8" s="306" t="s">
        <v>26</v>
      </c>
      <c r="AX8" s="307"/>
      <c r="AY8" s="314" t="s">
        <v>27</v>
      </c>
      <c r="AZ8" s="314"/>
      <c r="BA8" s="314"/>
      <c r="BB8" s="314"/>
      <c r="BC8" s="314"/>
      <c r="BD8" s="314"/>
    </row>
    <row r="9" spans="1:57" ht="20.25" customHeight="1" thickBot="1" x14ac:dyDescent="0.45">
      <c r="A9" s="39"/>
      <c r="B9" s="286"/>
      <c r="C9" s="290"/>
      <c r="D9" s="291"/>
      <c r="E9" s="295"/>
      <c r="F9" s="291"/>
      <c r="G9" s="295"/>
      <c r="H9" s="290"/>
      <c r="I9" s="290"/>
      <c r="J9" s="290"/>
      <c r="K9" s="291"/>
      <c r="L9" s="295"/>
      <c r="M9" s="290"/>
      <c r="N9" s="290"/>
      <c r="O9" s="298"/>
      <c r="P9" s="316" t="s">
        <v>28</v>
      </c>
      <c r="Q9" s="317"/>
      <c r="R9" s="317"/>
      <c r="S9" s="317"/>
      <c r="T9" s="317"/>
      <c r="U9" s="317"/>
      <c r="V9" s="318"/>
      <c r="W9" s="316" t="s">
        <v>29</v>
      </c>
      <c r="X9" s="317"/>
      <c r="Y9" s="317"/>
      <c r="Z9" s="317"/>
      <c r="AA9" s="317"/>
      <c r="AB9" s="317"/>
      <c r="AC9" s="318"/>
      <c r="AD9" s="316" t="s">
        <v>30</v>
      </c>
      <c r="AE9" s="317"/>
      <c r="AF9" s="317"/>
      <c r="AG9" s="317"/>
      <c r="AH9" s="317"/>
      <c r="AI9" s="317"/>
      <c r="AJ9" s="318"/>
      <c r="AK9" s="316" t="s">
        <v>31</v>
      </c>
      <c r="AL9" s="317"/>
      <c r="AM9" s="317"/>
      <c r="AN9" s="317"/>
      <c r="AO9" s="317"/>
      <c r="AP9" s="317"/>
      <c r="AQ9" s="318"/>
      <c r="AR9" s="316" t="s">
        <v>32</v>
      </c>
      <c r="AS9" s="317"/>
      <c r="AT9" s="318"/>
      <c r="AU9" s="308"/>
      <c r="AV9" s="309"/>
      <c r="AW9" s="308"/>
      <c r="AX9" s="309"/>
      <c r="AY9" s="314"/>
      <c r="AZ9" s="314"/>
      <c r="BA9" s="314"/>
      <c r="BB9" s="314"/>
      <c r="BC9" s="314"/>
      <c r="BD9" s="314"/>
    </row>
    <row r="10" spans="1:57" ht="20.25" customHeight="1" thickBot="1" x14ac:dyDescent="0.45">
      <c r="A10" s="39"/>
      <c r="B10" s="286"/>
      <c r="C10" s="290"/>
      <c r="D10" s="291"/>
      <c r="E10" s="295"/>
      <c r="F10" s="291"/>
      <c r="G10" s="295"/>
      <c r="H10" s="290"/>
      <c r="I10" s="290"/>
      <c r="J10" s="290"/>
      <c r="K10" s="291"/>
      <c r="L10" s="295"/>
      <c r="M10" s="290"/>
      <c r="N10" s="290"/>
      <c r="O10" s="298"/>
      <c r="P10" s="45">
        <f>DAY(DATE($X$2,$AB$2,1))</f>
        <v>1</v>
      </c>
      <c r="Q10" s="46">
        <f>DAY(DATE($X$2,$AB$2,2))</f>
        <v>2</v>
      </c>
      <c r="R10" s="46">
        <f>DAY(DATE($X$2,$AB$2,3))</f>
        <v>3</v>
      </c>
      <c r="S10" s="46">
        <f>DAY(DATE($X$2,$AB$2,4))</f>
        <v>4</v>
      </c>
      <c r="T10" s="46">
        <f>DAY(DATE($X$2,$AB$2,5))</f>
        <v>5</v>
      </c>
      <c r="U10" s="46">
        <f>DAY(DATE($X$2,$AB$2,6))</f>
        <v>6</v>
      </c>
      <c r="V10" s="47">
        <f>DAY(DATE($X$2,$AB$2,7))</f>
        <v>7</v>
      </c>
      <c r="W10" s="45">
        <f>DAY(DATE($X$2,$AB$2,8))</f>
        <v>8</v>
      </c>
      <c r="X10" s="46">
        <f>DAY(DATE($X$2,$AB$2,9))</f>
        <v>9</v>
      </c>
      <c r="Y10" s="46">
        <f>DAY(DATE($X$2,$AB$2,10))</f>
        <v>10</v>
      </c>
      <c r="Z10" s="46">
        <f>DAY(DATE($X$2,$AB$2,11))</f>
        <v>11</v>
      </c>
      <c r="AA10" s="46">
        <f>DAY(DATE($X$2,$AB$2,12))</f>
        <v>12</v>
      </c>
      <c r="AB10" s="46">
        <f>DAY(DATE($X$2,$AB$2,13))</f>
        <v>13</v>
      </c>
      <c r="AC10" s="47">
        <f>DAY(DATE($X$2,$AB$2,14))</f>
        <v>14</v>
      </c>
      <c r="AD10" s="45">
        <f>DAY(DATE($X$2,$AB$2,15))</f>
        <v>15</v>
      </c>
      <c r="AE10" s="46">
        <f>DAY(DATE($X$2,$AB$2,16))</f>
        <v>16</v>
      </c>
      <c r="AF10" s="46">
        <f>DAY(DATE($X$2,$AB$2,17))</f>
        <v>17</v>
      </c>
      <c r="AG10" s="46">
        <f>DAY(DATE($X$2,$AB$2,18))</f>
        <v>18</v>
      </c>
      <c r="AH10" s="46">
        <f>DAY(DATE($X$2,$AB$2,19))</f>
        <v>19</v>
      </c>
      <c r="AI10" s="46">
        <f>DAY(DATE($X$2,$AB$2,20))</f>
        <v>20</v>
      </c>
      <c r="AJ10" s="47">
        <f>DAY(DATE($X$2,$AB$2,21))</f>
        <v>21</v>
      </c>
      <c r="AK10" s="45">
        <f>DAY(DATE($X$2,$AB$2,22))</f>
        <v>22</v>
      </c>
      <c r="AL10" s="46">
        <f>DAY(DATE($X$2,$AB$2,23))</f>
        <v>23</v>
      </c>
      <c r="AM10" s="46">
        <f>DAY(DATE($X$2,$AB$2,24))</f>
        <v>24</v>
      </c>
      <c r="AN10" s="46">
        <f>DAY(DATE($X$2,$AB$2,25))</f>
        <v>25</v>
      </c>
      <c r="AO10" s="46">
        <f>DAY(DATE($X$2,$AB$2,26))</f>
        <v>26</v>
      </c>
      <c r="AP10" s="46">
        <f>DAY(DATE($X$2,$AB$2,27))</f>
        <v>27</v>
      </c>
      <c r="AQ10" s="47">
        <f>DAY(DATE($X$2,$AB$2,28))</f>
        <v>28</v>
      </c>
      <c r="AR10" s="45" t="str">
        <f>IF(AZ3="暦月",IF(DAY(DATE($X$2,$AB$2,29))=29,29,""),"")</f>
        <v/>
      </c>
      <c r="AS10" s="46" t="str">
        <f>IF(AZ3="暦月",IF(DAY(DATE($X$2,$AB$2,30))=30,30,""),"")</f>
        <v/>
      </c>
      <c r="AT10" s="48" t="str">
        <f>IF(AZ3="暦月",IF(DAY(DATE($X$2,$AB$2,31))=31,31,""),"")</f>
        <v/>
      </c>
      <c r="AU10" s="308"/>
      <c r="AV10" s="309"/>
      <c r="AW10" s="308"/>
      <c r="AX10" s="309"/>
      <c r="AY10" s="314"/>
      <c r="AZ10" s="314"/>
      <c r="BA10" s="314"/>
      <c r="BB10" s="314"/>
      <c r="BC10" s="314"/>
      <c r="BD10" s="314"/>
    </row>
    <row r="11" spans="1:57" ht="20.25" hidden="1" customHeight="1" thickBot="1" x14ac:dyDescent="0.45">
      <c r="A11" s="39"/>
      <c r="B11" s="286"/>
      <c r="C11" s="290"/>
      <c r="D11" s="291"/>
      <c r="E11" s="295"/>
      <c r="F11" s="291"/>
      <c r="G11" s="295"/>
      <c r="H11" s="290"/>
      <c r="I11" s="290"/>
      <c r="J11" s="290"/>
      <c r="K11" s="291"/>
      <c r="L11" s="295"/>
      <c r="M11" s="290"/>
      <c r="N11" s="290"/>
      <c r="O11" s="298"/>
      <c r="P11" s="45">
        <f>WEEKDAY(DATE($X$2,$AB$2,1))</f>
        <v>2</v>
      </c>
      <c r="Q11" s="46">
        <f>WEEKDAY(DATE($X$2,$AB$2,2))</f>
        <v>3</v>
      </c>
      <c r="R11" s="46">
        <f>WEEKDAY(DATE($X$2,$AB$2,3))</f>
        <v>4</v>
      </c>
      <c r="S11" s="46">
        <f>WEEKDAY(DATE($X$2,$AB$2,4))</f>
        <v>5</v>
      </c>
      <c r="T11" s="46">
        <f>WEEKDAY(DATE($X$2,$AB$2,5))</f>
        <v>6</v>
      </c>
      <c r="U11" s="46">
        <f>WEEKDAY(DATE($X$2,$AB$2,6))</f>
        <v>7</v>
      </c>
      <c r="V11" s="47">
        <f>WEEKDAY(DATE($X$2,$AB$2,7))</f>
        <v>1</v>
      </c>
      <c r="W11" s="45">
        <f>WEEKDAY(DATE($X$2,$AB$2,8))</f>
        <v>2</v>
      </c>
      <c r="X11" s="46">
        <f>WEEKDAY(DATE($X$2,$AB$2,9))</f>
        <v>3</v>
      </c>
      <c r="Y11" s="46">
        <f>WEEKDAY(DATE($X$2,$AB$2,10))</f>
        <v>4</v>
      </c>
      <c r="Z11" s="46">
        <f>WEEKDAY(DATE($X$2,$AB$2,11))</f>
        <v>5</v>
      </c>
      <c r="AA11" s="46">
        <f>WEEKDAY(DATE($X$2,$AB$2,12))</f>
        <v>6</v>
      </c>
      <c r="AB11" s="46">
        <f>WEEKDAY(DATE($X$2,$AB$2,13))</f>
        <v>7</v>
      </c>
      <c r="AC11" s="47">
        <f>WEEKDAY(DATE($X$2,$AB$2,14))</f>
        <v>1</v>
      </c>
      <c r="AD11" s="45">
        <f>WEEKDAY(DATE($X$2,$AB$2,15))</f>
        <v>2</v>
      </c>
      <c r="AE11" s="46">
        <f>WEEKDAY(DATE($X$2,$AB$2,16))</f>
        <v>3</v>
      </c>
      <c r="AF11" s="46">
        <f>WEEKDAY(DATE($X$2,$AB$2,17))</f>
        <v>4</v>
      </c>
      <c r="AG11" s="46">
        <f>WEEKDAY(DATE($X$2,$AB$2,18))</f>
        <v>5</v>
      </c>
      <c r="AH11" s="46">
        <f>WEEKDAY(DATE($X$2,$AB$2,19))</f>
        <v>6</v>
      </c>
      <c r="AI11" s="46">
        <f>WEEKDAY(DATE($X$2,$AB$2,20))</f>
        <v>7</v>
      </c>
      <c r="AJ11" s="47">
        <f>WEEKDAY(DATE($X$2,$AB$2,21))</f>
        <v>1</v>
      </c>
      <c r="AK11" s="45">
        <f>WEEKDAY(DATE($X$2,$AB$2,22))</f>
        <v>2</v>
      </c>
      <c r="AL11" s="46">
        <f>WEEKDAY(DATE($X$2,$AB$2,23))</f>
        <v>3</v>
      </c>
      <c r="AM11" s="46">
        <f>WEEKDAY(DATE($X$2,$AB$2,24))</f>
        <v>4</v>
      </c>
      <c r="AN11" s="46">
        <f>WEEKDAY(DATE($X$2,$AB$2,25))</f>
        <v>5</v>
      </c>
      <c r="AO11" s="46">
        <f>WEEKDAY(DATE($X$2,$AB$2,26))</f>
        <v>6</v>
      </c>
      <c r="AP11" s="46">
        <f>WEEKDAY(DATE($X$2,$AB$2,27))</f>
        <v>7</v>
      </c>
      <c r="AQ11" s="47">
        <f>WEEKDAY(DATE($X$2,$AB$2,28))</f>
        <v>1</v>
      </c>
      <c r="AR11" s="45">
        <f>IF(AR10=29,WEEKDAY(DATE($X$2,$AB$2,29)),0)</f>
        <v>0</v>
      </c>
      <c r="AS11" s="46">
        <f>IF(AS10=30,WEEKDAY(DATE($X$2,$AB$2,30)),0)</f>
        <v>0</v>
      </c>
      <c r="AT11" s="48">
        <f>IF(AT10=31,WEEKDAY(DATE($X$2,$AB$2,31)),0)</f>
        <v>0</v>
      </c>
      <c r="AU11" s="310"/>
      <c r="AV11" s="311"/>
      <c r="AW11" s="310"/>
      <c r="AX11" s="311"/>
      <c r="AY11" s="315"/>
      <c r="AZ11" s="315"/>
      <c r="BA11" s="315"/>
      <c r="BB11" s="315"/>
      <c r="BC11" s="315"/>
      <c r="BD11" s="315"/>
    </row>
    <row r="12" spans="1:57" ht="20.25" customHeight="1" thickBot="1" x14ac:dyDescent="0.45">
      <c r="A12" s="39"/>
      <c r="B12" s="287"/>
      <c r="C12" s="292"/>
      <c r="D12" s="293"/>
      <c r="E12" s="296"/>
      <c r="F12" s="293"/>
      <c r="G12" s="296"/>
      <c r="H12" s="292"/>
      <c r="I12" s="292"/>
      <c r="J12" s="292"/>
      <c r="K12" s="293"/>
      <c r="L12" s="296"/>
      <c r="M12" s="292"/>
      <c r="N12" s="292"/>
      <c r="O12" s="299"/>
      <c r="P12" s="49" t="str">
        <f>IF(P11=1,"日",IF(P11=2,"月",IF(P11=3,"火",IF(P11=4,"水",IF(P11=5,"木",IF(P11=6,"金","土"))))))</f>
        <v>月</v>
      </c>
      <c r="Q12" s="50" t="str">
        <f t="shared" ref="Q12:AQ12" si="0">IF(Q11=1,"日",IF(Q11=2,"月",IF(Q11=3,"火",IF(Q11=4,"水",IF(Q11=5,"木",IF(Q11=6,"金","土"))))))</f>
        <v>火</v>
      </c>
      <c r="R12" s="50" t="str">
        <f t="shared" si="0"/>
        <v>水</v>
      </c>
      <c r="S12" s="50" t="str">
        <f t="shared" si="0"/>
        <v>木</v>
      </c>
      <c r="T12" s="50" t="str">
        <f t="shared" si="0"/>
        <v>金</v>
      </c>
      <c r="U12" s="50" t="str">
        <f t="shared" si="0"/>
        <v>土</v>
      </c>
      <c r="V12" s="51" t="str">
        <f t="shared" si="0"/>
        <v>日</v>
      </c>
      <c r="W12" s="49" t="str">
        <f t="shared" si="0"/>
        <v>月</v>
      </c>
      <c r="X12" s="50" t="str">
        <f t="shared" si="0"/>
        <v>火</v>
      </c>
      <c r="Y12" s="50" t="str">
        <f t="shared" si="0"/>
        <v>水</v>
      </c>
      <c r="Z12" s="50" t="str">
        <f t="shared" si="0"/>
        <v>木</v>
      </c>
      <c r="AA12" s="50" t="str">
        <f t="shared" si="0"/>
        <v>金</v>
      </c>
      <c r="AB12" s="50" t="str">
        <f t="shared" si="0"/>
        <v>土</v>
      </c>
      <c r="AC12" s="51" t="str">
        <f t="shared" si="0"/>
        <v>日</v>
      </c>
      <c r="AD12" s="49" t="str">
        <f t="shared" si="0"/>
        <v>月</v>
      </c>
      <c r="AE12" s="50" t="str">
        <f t="shared" si="0"/>
        <v>火</v>
      </c>
      <c r="AF12" s="50" t="str">
        <f t="shared" si="0"/>
        <v>水</v>
      </c>
      <c r="AG12" s="50" t="str">
        <f t="shared" si="0"/>
        <v>木</v>
      </c>
      <c r="AH12" s="50" t="str">
        <f t="shared" si="0"/>
        <v>金</v>
      </c>
      <c r="AI12" s="50" t="str">
        <f t="shared" si="0"/>
        <v>土</v>
      </c>
      <c r="AJ12" s="51" t="str">
        <f t="shared" si="0"/>
        <v>日</v>
      </c>
      <c r="AK12" s="49" t="str">
        <f t="shared" si="0"/>
        <v>月</v>
      </c>
      <c r="AL12" s="50" t="str">
        <f t="shared" si="0"/>
        <v>火</v>
      </c>
      <c r="AM12" s="50" t="str">
        <f t="shared" si="0"/>
        <v>水</v>
      </c>
      <c r="AN12" s="50" t="str">
        <f t="shared" si="0"/>
        <v>木</v>
      </c>
      <c r="AO12" s="50" t="str">
        <f t="shared" si="0"/>
        <v>金</v>
      </c>
      <c r="AP12" s="50" t="str">
        <f t="shared" si="0"/>
        <v>土</v>
      </c>
      <c r="AQ12" s="51" t="str">
        <f t="shared" si="0"/>
        <v>日</v>
      </c>
      <c r="AR12" s="50" t="str">
        <f>IF(AR11=1,"日",IF(AR11=2,"月",IF(AR11=3,"火",IF(AR11=4,"水",IF(AR11=5,"木",IF(AR11=6,"金",IF(AR11=0,"","土")))))))</f>
        <v/>
      </c>
      <c r="AS12" s="50" t="str">
        <f>IF(AS11=1,"日",IF(AS11=2,"月",IF(AS11=3,"火",IF(AS11=4,"水",IF(AS11=5,"木",IF(AS11=6,"金",IF(AS11=0,"","土")))))))</f>
        <v/>
      </c>
      <c r="AT12" s="52" t="str">
        <f>IF(AT11=1,"日",IF(AT11=2,"月",IF(AT11=3,"火",IF(AT11=4,"水",IF(AT11=5,"木",IF(AT11=6,"金",IF(AT11=0,"","土")))))))</f>
        <v/>
      </c>
      <c r="AU12" s="312"/>
      <c r="AV12" s="313"/>
      <c r="AW12" s="312"/>
      <c r="AX12" s="313"/>
      <c r="AY12" s="315"/>
      <c r="AZ12" s="315"/>
      <c r="BA12" s="315"/>
      <c r="BB12" s="315"/>
      <c r="BC12" s="315"/>
      <c r="BD12" s="315"/>
    </row>
    <row r="13" spans="1:57" ht="39.950000000000003" customHeight="1" x14ac:dyDescent="0.4">
      <c r="A13" s="39"/>
      <c r="B13" s="53">
        <v>1</v>
      </c>
      <c r="C13" s="343"/>
      <c r="D13" s="344"/>
      <c r="E13" s="345"/>
      <c r="F13" s="346"/>
      <c r="G13" s="347"/>
      <c r="H13" s="348"/>
      <c r="I13" s="348"/>
      <c r="J13" s="348"/>
      <c r="K13" s="349"/>
      <c r="L13" s="350"/>
      <c r="M13" s="351"/>
      <c r="N13" s="351"/>
      <c r="O13" s="352"/>
      <c r="P13" s="54"/>
      <c r="Q13" s="55"/>
      <c r="R13" s="55"/>
      <c r="S13" s="55"/>
      <c r="T13" s="55"/>
      <c r="U13" s="55"/>
      <c r="V13" s="56"/>
      <c r="W13" s="54"/>
      <c r="X13" s="55"/>
      <c r="Y13" s="55"/>
      <c r="Z13" s="55"/>
      <c r="AA13" s="55"/>
      <c r="AB13" s="55"/>
      <c r="AC13" s="56"/>
      <c r="AD13" s="54"/>
      <c r="AE13" s="55"/>
      <c r="AF13" s="55"/>
      <c r="AG13" s="55"/>
      <c r="AH13" s="55"/>
      <c r="AI13" s="55"/>
      <c r="AJ13" s="56"/>
      <c r="AK13" s="54"/>
      <c r="AL13" s="55"/>
      <c r="AM13" s="55"/>
      <c r="AN13" s="55"/>
      <c r="AO13" s="55"/>
      <c r="AP13" s="55"/>
      <c r="AQ13" s="56"/>
      <c r="AR13" s="54"/>
      <c r="AS13" s="55"/>
      <c r="AT13" s="56"/>
      <c r="AU13" s="353">
        <f>IF($AZ$3="４週",SUM(P13:AQ13),IF($AZ$3="暦月",SUM(P13:AT13),""))</f>
        <v>0</v>
      </c>
      <c r="AV13" s="354"/>
      <c r="AW13" s="355">
        <f t="shared" ref="AW13:AW30" si="1">IF($AZ$3="４週",AU13/4,IF($AZ$3="暦月",AU13/($AZ$6/7),""))</f>
        <v>0</v>
      </c>
      <c r="AX13" s="356"/>
      <c r="AY13" s="323"/>
      <c r="AZ13" s="324"/>
      <c r="BA13" s="324"/>
      <c r="BB13" s="324"/>
      <c r="BC13" s="324"/>
      <c r="BD13" s="325"/>
    </row>
    <row r="14" spans="1:57" ht="39.950000000000003" customHeight="1" x14ac:dyDescent="0.4">
      <c r="A14" s="39"/>
      <c r="B14" s="57">
        <f t="shared" ref="B14:B30" si="2">B13+1</f>
        <v>2</v>
      </c>
      <c r="C14" s="326"/>
      <c r="D14" s="327"/>
      <c r="E14" s="328"/>
      <c r="F14" s="329"/>
      <c r="G14" s="330"/>
      <c r="H14" s="331"/>
      <c r="I14" s="331"/>
      <c r="J14" s="331"/>
      <c r="K14" s="332"/>
      <c r="L14" s="333"/>
      <c r="M14" s="334"/>
      <c r="N14" s="334"/>
      <c r="O14" s="335"/>
      <c r="P14" s="58"/>
      <c r="Q14" s="59"/>
      <c r="R14" s="59"/>
      <c r="S14" s="59"/>
      <c r="T14" s="59"/>
      <c r="U14" s="59"/>
      <c r="V14" s="60"/>
      <c r="W14" s="58"/>
      <c r="X14" s="59"/>
      <c r="Y14" s="59"/>
      <c r="Z14" s="59"/>
      <c r="AA14" s="59"/>
      <c r="AB14" s="59"/>
      <c r="AC14" s="60"/>
      <c r="AD14" s="58"/>
      <c r="AE14" s="59"/>
      <c r="AF14" s="59"/>
      <c r="AG14" s="59"/>
      <c r="AH14" s="59"/>
      <c r="AI14" s="59"/>
      <c r="AJ14" s="60"/>
      <c r="AK14" s="58"/>
      <c r="AL14" s="59"/>
      <c r="AM14" s="59"/>
      <c r="AN14" s="59"/>
      <c r="AO14" s="59"/>
      <c r="AP14" s="59"/>
      <c r="AQ14" s="60"/>
      <c r="AR14" s="58"/>
      <c r="AS14" s="59"/>
      <c r="AT14" s="60"/>
      <c r="AU14" s="336">
        <f>IF($AZ$3="４週",SUM(P14:AQ14),IF($AZ$3="暦月",SUM(P14:AT14),""))</f>
        <v>0</v>
      </c>
      <c r="AV14" s="337"/>
      <c r="AW14" s="338">
        <f t="shared" si="1"/>
        <v>0</v>
      </c>
      <c r="AX14" s="339"/>
      <c r="AY14" s="340"/>
      <c r="AZ14" s="341"/>
      <c r="BA14" s="341"/>
      <c r="BB14" s="341"/>
      <c r="BC14" s="341"/>
      <c r="BD14" s="342"/>
    </row>
    <row r="15" spans="1:57" ht="39.950000000000003" customHeight="1" x14ac:dyDescent="0.4">
      <c r="A15" s="39"/>
      <c r="B15" s="57">
        <f t="shared" si="2"/>
        <v>3</v>
      </c>
      <c r="C15" s="326"/>
      <c r="D15" s="327"/>
      <c r="E15" s="328"/>
      <c r="F15" s="329"/>
      <c r="G15" s="330"/>
      <c r="H15" s="331"/>
      <c r="I15" s="331"/>
      <c r="J15" s="331"/>
      <c r="K15" s="332"/>
      <c r="L15" s="333"/>
      <c r="M15" s="334"/>
      <c r="N15" s="334"/>
      <c r="O15" s="335"/>
      <c r="P15" s="58"/>
      <c r="Q15" s="59"/>
      <c r="R15" s="59"/>
      <c r="S15" s="59"/>
      <c r="T15" s="59"/>
      <c r="U15" s="59"/>
      <c r="V15" s="60"/>
      <c r="W15" s="58"/>
      <c r="X15" s="59"/>
      <c r="Y15" s="59"/>
      <c r="Z15" s="59"/>
      <c r="AA15" s="59"/>
      <c r="AB15" s="59"/>
      <c r="AC15" s="60"/>
      <c r="AD15" s="58"/>
      <c r="AE15" s="59"/>
      <c r="AF15" s="59"/>
      <c r="AG15" s="59"/>
      <c r="AH15" s="59"/>
      <c r="AI15" s="59"/>
      <c r="AJ15" s="60"/>
      <c r="AK15" s="58"/>
      <c r="AL15" s="59"/>
      <c r="AM15" s="59"/>
      <c r="AN15" s="59"/>
      <c r="AO15" s="59"/>
      <c r="AP15" s="59"/>
      <c r="AQ15" s="60"/>
      <c r="AR15" s="58"/>
      <c r="AS15" s="59"/>
      <c r="AT15" s="60"/>
      <c r="AU15" s="336">
        <f>IF($AZ$3="４週",SUM(P15:AQ15),IF($AZ$3="暦月",SUM(P15:AT15),""))</f>
        <v>0</v>
      </c>
      <c r="AV15" s="337"/>
      <c r="AW15" s="338">
        <f t="shared" si="1"/>
        <v>0</v>
      </c>
      <c r="AX15" s="339"/>
      <c r="AY15" s="340"/>
      <c r="AZ15" s="341"/>
      <c r="BA15" s="341"/>
      <c r="BB15" s="341"/>
      <c r="BC15" s="341"/>
      <c r="BD15" s="342"/>
    </row>
    <row r="16" spans="1:57" ht="39.950000000000003" customHeight="1" x14ac:dyDescent="0.4">
      <c r="A16" s="39"/>
      <c r="B16" s="57">
        <f t="shared" si="2"/>
        <v>4</v>
      </c>
      <c r="C16" s="326"/>
      <c r="D16" s="327"/>
      <c r="E16" s="328"/>
      <c r="F16" s="329"/>
      <c r="G16" s="330"/>
      <c r="H16" s="331"/>
      <c r="I16" s="331"/>
      <c r="J16" s="331"/>
      <c r="K16" s="332"/>
      <c r="L16" s="333"/>
      <c r="M16" s="334"/>
      <c r="N16" s="334"/>
      <c r="O16" s="335"/>
      <c r="P16" s="58"/>
      <c r="Q16" s="59"/>
      <c r="R16" s="59"/>
      <c r="S16" s="59"/>
      <c r="T16" s="59"/>
      <c r="U16" s="59"/>
      <c r="V16" s="60"/>
      <c r="W16" s="58"/>
      <c r="X16" s="59"/>
      <c r="Y16" s="59"/>
      <c r="Z16" s="59"/>
      <c r="AA16" s="59"/>
      <c r="AB16" s="59"/>
      <c r="AC16" s="60"/>
      <c r="AD16" s="58"/>
      <c r="AE16" s="59"/>
      <c r="AF16" s="59"/>
      <c r="AG16" s="59"/>
      <c r="AH16" s="59"/>
      <c r="AI16" s="59"/>
      <c r="AJ16" s="60"/>
      <c r="AK16" s="58"/>
      <c r="AL16" s="59"/>
      <c r="AM16" s="59"/>
      <c r="AN16" s="59"/>
      <c r="AO16" s="59"/>
      <c r="AP16" s="59"/>
      <c r="AQ16" s="60"/>
      <c r="AR16" s="58"/>
      <c r="AS16" s="59"/>
      <c r="AT16" s="60"/>
      <c r="AU16" s="336">
        <f>IF($AZ$3="４週",SUM(P16:AQ16),IF($AZ$3="暦月",SUM(P16:AT16),""))</f>
        <v>0</v>
      </c>
      <c r="AV16" s="337"/>
      <c r="AW16" s="338">
        <f t="shared" si="1"/>
        <v>0</v>
      </c>
      <c r="AX16" s="339"/>
      <c r="AY16" s="340"/>
      <c r="AZ16" s="341"/>
      <c r="BA16" s="341"/>
      <c r="BB16" s="341"/>
      <c r="BC16" s="341"/>
      <c r="BD16" s="342"/>
    </row>
    <row r="17" spans="1:56" ht="39.950000000000003" customHeight="1" x14ac:dyDescent="0.4">
      <c r="A17" s="39"/>
      <c r="B17" s="57">
        <f t="shared" si="2"/>
        <v>5</v>
      </c>
      <c r="C17" s="326"/>
      <c r="D17" s="327"/>
      <c r="E17" s="328"/>
      <c r="F17" s="329"/>
      <c r="G17" s="330"/>
      <c r="H17" s="331"/>
      <c r="I17" s="331"/>
      <c r="J17" s="331"/>
      <c r="K17" s="332"/>
      <c r="L17" s="333"/>
      <c r="M17" s="334"/>
      <c r="N17" s="334"/>
      <c r="O17" s="335"/>
      <c r="P17" s="58"/>
      <c r="Q17" s="59"/>
      <c r="R17" s="59"/>
      <c r="S17" s="59"/>
      <c r="T17" s="59"/>
      <c r="U17" s="59"/>
      <c r="V17" s="60"/>
      <c r="W17" s="58"/>
      <c r="X17" s="59"/>
      <c r="Y17" s="59"/>
      <c r="Z17" s="59"/>
      <c r="AA17" s="59"/>
      <c r="AB17" s="59"/>
      <c r="AC17" s="60"/>
      <c r="AD17" s="58"/>
      <c r="AE17" s="59"/>
      <c r="AF17" s="59"/>
      <c r="AG17" s="59"/>
      <c r="AH17" s="59"/>
      <c r="AI17" s="59"/>
      <c r="AJ17" s="60"/>
      <c r="AK17" s="58"/>
      <c r="AL17" s="59"/>
      <c r="AM17" s="59"/>
      <c r="AN17" s="59"/>
      <c r="AO17" s="59"/>
      <c r="AP17" s="59"/>
      <c r="AQ17" s="60"/>
      <c r="AR17" s="58"/>
      <c r="AS17" s="59"/>
      <c r="AT17" s="60"/>
      <c r="AU17" s="336">
        <f t="shared" ref="AU17:AU30" si="3">IF($AZ$3="４週",SUM(P17:AQ17),IF($AZ$3="暦月",SUM(P17:AT17),""))</f>
        <v>0</v>
      </c>
      <c r="AV17" s="337"/>
      <c r="AW17" s="338">
        <f t="shared" si="1"/>
        <v>0</v>
      </c>
      <c r="AX17" s="339"/>
      <c r="AY17" s="340"/>
      <c r="AZ17" s="341"/>
      <c r="BA17" s="341"/>
      <c r="BB17" s="341"/>
      <c r="BC17" s="341"/>
      <c r="BD17" s="342"/>
    </row>
    <row r="18" spans="1:56" ht="39.950000000000003" customHeight="1" x14ac:dyDescent="0.4">
      <c r="A18" s="39"/>
      <c r="B18" s="57">
        <f t="shared" si="2"/>
        <v>6</v>
      </c>
      <c r="C18" s="326"/>
      <c r="D18" s="327"/>
      <c r="E18" s="328"/>
      <c r="F18" s="329"/>
      <c r="G18" s="330"/>
      <c r="H18" s="331"/>
      <c r="I18" s="331"/>
      <c r="J18" s="331"/>
      <c r="K18" s="332"/>
      <c r="L18" s="333"/>
      <c r="M18" s="334"/>
      <c r="N18" s="334"/>
      <c r="O18" s="335"/>
      <c r="P18" s="58"/>
      <c r="Q18" s="59"/>
      <c r="R18" s="59"/>
      <c r="S18" s="59"/>
      <c r="T18" s="59"/>
      <c r="U18" s="59"/>
      <c r="V18" s="60"/>
      <c r="W18" s="58"/>
      <c r="X18" s="59"/>
      <c r="Y18" s="59"/>
      <c r="Z18" s="59"/>
      <c r="AA18" s="59"/>
      <c r="AB18" s="59"/>
      <c r="AC18" s="60"/>
      <c r="AD18" s="58"/>
      <c r="AE18" s="59"/>
      <c r="AF18" s="59"/>
      <c r="AG18" s="59"/>
      <c r="AH18" s="59"/>
      <c r="AI18" s="59"/>
      <c r="AJ18" s="60"/>
      <c r="AK18" s="58"/>
      <c r="AL18" s="59"/>
      <c r="AM18" s="59"/>
      <c r="AN18" s="59"/>
      <c r="AO18" s="59"/>
      <c r="AP18" s="59"/>
      <c r="AQ18" s="60"/>
      <c r="AR18" s="58"/>
      <c r="AS18" s="59"/>
      <c r="AT18" s="60"/>
      <c r="AU18" s="336">
        <f t="shared" si="3"/>
        <v>0</v>
      </c>
      <c r="AV18" s="337"/>
      <c r="AW18" s="338">
        <f t="shared" si="1"/>
        <v>0</v>
      </c>
      <c r="AX18" s="339"/>
      <c r="AY18" s="340"/>
      <c r="AZ18" s="341"/>
      <c r="BA18" s="341"/>
      <c r="BB18" s="341"/>
      <c r="BC18" s="341"/>
      <c r="BD18" s="342"/>
    </row>
    <row r="19" spans="1:56" ht="39.950000000000003" customHeight="1" x14ac:dyDescent="0.4">
      <c r="A19" s="39"/>
      <c r="B19" s="57">
        <f t="shared" si="2"/>
        <v>7</v>
      </c>
      <c r="C19" s="326"/>
      <c r="D19" s="327"/>
      <c r="E19" s="328"/>
      <c r="F19" s="329"/>
      <c r="G19" s="330"/>
      <c r="H19" s="331"/>
      <c r="I19" s="331"/>
      <c r="J19" s="331"/>
      <c r="K19" s="332"/>
      <c r="L19" s="333"/>
      <c r="M19" s="334"/>
      <c r="N19" s="334"/>
      <c r="O19" s="335"/>
      <c r="P19" s="58"/>
      <c r="Q19" s="59"/>
      <c r="R19" s="59"/>
      <c r="S19" s="59"/>
      <c r="T19" s="59"/>
      <c r="U19" s="59"/>
      <c r="V19" s="60"/>
      <c r="W19" s="58"/>
      <c r="X19" s="59"/>
      <c r="Y19" s="59"/>
      <c r="Z19" s="59"/>
      <c r="AA19" s="59"/>
      <c r="AB19" s="59"/>
      <c r="AC19" s="60"/>
      <c r="AD19" s="58"/>
      <c r="AE19" s="59"/>
      <c r="AF19" s="59"/>
      <c r="AG19" s="59"/>
      <c r="AH19" s="59"/>
      <c r="AI19" s="59"/>
      <c r="AJ19" s="60"/>
      <c r="AK19" s="58"/>
      <c r="AL19" s="59"/>
      <c r="AM19" s="59"/>
      <c r="AN19" s="59"/>
      <c r="AO19" s="59"/>
      <c r="AP19" s="59"/>
      <c r="AQ19" s="60"/>
      <c r="AR19" s="58"/>
      <c r="AS19" s="59"/>
      <c r="AT19" s="60"/>
      <c r="AU19" s="336">
        <f>IF($AZ$3="４週",SUM(P19:AQ19),IF($AZ$3="暦月",SUM(P19:AT19),""))</f>
        <v>0</v>
      </c>
      <c r="AV19" s="337"/>
      <c r="AW19" s="338">
        <f t="shared" si="1"/>
        <v>0</v>
      </c>
      <c r="AX19" s="339"/>
      <c r="AY19" s="340"/>
      <c r="AZ19" s="341"/>
      <c r="BA19" s="341"/>
      <c r="BB19" s="341"/>
      <c r="BC19" s="341"/>
      <c r="BD19" s="342"/>
    </row>
    <row r="20" spans="1:56" ht="39.950000000000003" customHeight="1" x14ac:dyDescent="0.4">
      <c r="A20" s="39"/>
      <c r="B20" s="57">
        <f t="shared" si="2"/>
        <v>8</v>
      </c>
      <c r="C20" s="326"/>
      <c r="D20" s="327"/>
      <c r="E20" s="328"/>
      <c r="F20" s="329"/>
      <c r="G20" s="330"/>
      <c r="H20" s="331"/>
      <c r="I20" s="331"/>
      <c r="J20" s="331"/>
      <c r="K20" s="332"/>
      <c r="L20" s="333"/>
      <c r="M20" s="334"/>
      <c r="N20" s="334"/>
      <c r="O20" s="335"/>
      <c r="P20" s="58"/>
      <c r="Q20" s="59"/>
      <c r="R20" s="59"/>
      <c r="S20" s="59"/>
      <c r="T20" s="59"/>
      <c r="U20" s="59"/>
      <c r="V20" s="60"/>
      <c r="W20" s="58"/>
      <c r="X20" s="59"/>
      <c r="Y20" s="59"/>
      <c r="Z20" s="59"/>
      <c r="AA20" s="59"/>
      <c r="AB20" s="59"/>
      <c r="AC20" s="60"/>
      <c r="AD20" s="58"/>
      <c r="AE20" s="59"/>
      <c r="AF20" s="59"/>
      <c r="AG20" s="59"/>
      <c r="AH20" s="59"/>
      <c r="AI20" s="59"/>
      <c r="AJ20" s="60"/>
      <c r="AK20" s="58"/>
      <c r="AL20" s="59"/>
      <c r="AM20" s="59"/>
      <c r="AN20" s="59"/>
      <c r="AO20" s="59"/>
      <c r="AP20" s="59"/>
      <c r="AQ20" s="60"/>
      <c r="AR20" s="58"/>
      <c r="AS20" s="59"/>
      <c r="AT20" s="60"/>
      <c r="AU20" s="336">
        <f t="shared" si="3"/>
        <v>0</v>
      </c>
      <c r="AV20" s="337"/>
      <c r="AW20" s="338">
        <f t="shared" si="1"/>
        <v>0</v>
      </c>
      <c r="AX20" s="339"/>
      <c r="AY20" s="340"/>
      <c r="AZ20" s="341"/>
      <c r="BA20" s="341"/>
      <c r="BB20" s="341"/>
      <c r="BC20" s="341"/>
      <c r="BD20" s="342"/>
    </row>
    <row r="21" spans="1:56" ht="39.950000000000003" customHeight="1" x14ac:dyDescent="0.4">
      <c r="A21" s="39"/>
      <c r="B21" s="57">
        <f t="shared" si="2"/>
        <v>9</v>
      </c>
      <c r="C21" s="326"/>
      <c r="D21" s="327"/>
      <c r="E21" s="328"/>
      <c r="F21" s="329"/>
      <c r="G21" s="330"/>
      <c r="H21" s="331"/>
      <c r="I21" s="331"/>
      <c r="J21" s="331"/>
      <c r="K21" s="332"/>
      <c r="L21" s="333"/>
      <c r="M21" s="334"/>
      <c r="N21" s="334"/>
      <c r="O21" s="335"/>
      <c r="P21" s="58"/>
      <c r="Q21" s="59"/>
      <c r="R21" s="59"/>
      <c r="S21" s="59"/>
      <c r="T21" s="59"/>
      <c r="U21" s="59"/>
      <c r="V21" s="60"/>
      <c r="W21" s="58"/>
      <c r="X21" s="59"/>
      <c r="Y21" s="59"/>
      <c r="Z21" s="59"/>
      <c r="AA21" s="59"/>
      <c r="AB21" s="59"/>
      <c r="AC21" s="60"/>
      <c r="AD21" s="58"/>
      <c r="AE21" s="59"/>
      <c r="AF21" s="59"/>
      <c r="AG21" s="59"/>
      <c r="AH21" s="59"/>
      <c r="AI21" s="59"/>
      <c r="AJ21" s="60"/>
      <c r="AK21" s="58"/>
      <c r="AL21" s="59"/>
      <c r="AM21" s="59"/>
      <c r="AN21" s="59"/>
      <c r="AO21" s="59"/>
      <c r="AP21" s="59"/>
      <c r="AQ21" s="60"/>
      <c r="AR21" s="58"/>
      <c r="AS21" s="59"/>
      <c r="AT21" s="60"/>
      <c r="AU21" s="336">
        <f t="shared" si="3"/>
        <v>0</v>
      </c>
      <c r="AV21" s="337"/>
      <c r="AW21" s="338">
        <f t="shared" si="1"/>
        <v>0</v>
      </c>
      <c r="AX21" s="339"/>
      <c r="AY21" s="340"/>
      <c r="AZ21" s="341"/>
      <c r="BA21" s="341"/>
      <c r="BB21" s="341"/>
      <c r="BC21" s="341"/>
      <c r="BD21" s="342"/>
    </row>
    <row r="22" spans="1:56" ht="39.950000000000003" customHeight="1" x14ac:dyDescent="0.4">
      <c r="A22" s="39"/>
      <c r="B22" s="57">
        <f t="shared" si="2"/>
        <v>10</v>
      </c>
      <c r="C22" s="326"/>
      <c r="D22" s="327"/>
      <c r="E22" s="328"/>
      <c r="F22" s="329"/>
      <c r="G22" s="330"/>
      <c r="H22" s="331"/>
      <c r="I22" s="331"/>
      <c r="J22" s="331"/>
      <c r="K22" s="332"/>
      <c r="L22" s="333"/>
      <c r="M22" s="334"/>
      <c r="N22" s="334"/>
      <c r="O22" s="335"/>
      <c r="P22" s="58"/>
      <c r="Q22" s="59"/>
      <c r="R22" s="59"/>
      <c r="S22" s="59"/>
      <c r="T22" s="59"/>
      <c r="U22" s="59"/>
      <c r="V22" s="60"/>
      <c r="W22" s="58"/>
      <c r="X22" s="59"/>
      <c r="Y22" s="59"/>
      <c r="Z22" s="59"/>
      <c r="AA22" s="59"/>
      <c r="AB22" s="59"/>
      <c r="AC22" s="60"/>
      <c r="AD22" s="58"/>
      <c r="AE22" s="59"/>
      <c r="AF22" s="59"/>
      <c r="AG22" s="59"/>
      <c r="AH22" s="59"/>
      <c r="AI22" s="59"/>
      <c r="AJ22" s="60"/>
      <c r="AK22" s="58"/>
      <c r="AL22" s="59"/>
      <c r="AM22" s="59"/>
      <c r="AN22" s="59"/>
      <c r="AO22" s="59"/>
      <c r="AP22" s="59"/>
      <c r="AQ22" s="60"/>
      <c r="AR22" s="58"/>
      <c r="AS22" s="59"/>
      <c r="AT22" s="60"/>
      <c r="AU22" s="336">
        <f t="shared" si="3"/>
        <v>0</v>
      </c>
      <c r="AV22" s="337"/>
      <c r="AW22" s="338">
        <f t="shared" si="1"/>
        <v>0</v>
      </c>
      <c r="AX22" s="339"/>
      <c r="AY22" s="340"/>
      <c r="AZ22" s="341"/>
      <c r="BA22" s="341"/>
      <c r="BB22" s="341"/>
      <c r="BC22" s="341"/>
      <c r="BD22" s="342"/>
    </row>
    <row r="23" spans="1:56" ht="39.950000000000003" customHeight="1" x14ac:dyDescent="0.4">
      <c r="A23" s="39"/>
      <c r="B23" s="57">
        <f t="shared" si="2"/>
        <v>11</v>
      </c>
      <c r="C23" s="326"/>
      <c r="D23" s="327"/>
      <c r="E23" s="328"/>
      <c r="F23" s="329"/>
      <c r="G23" s="330"/>
      <c r="H23" s="331"/>
      <c r="I23" s="331"/>
      <c r="J23" s="331"/>
      <c r="K23" s="332"/>
      <c r="L23" s="333"/>
      <c r="M23" s="334"/>
      <c r="N23" s="334"/>
      <c r="O23" s="335"/>
      <c r="P23" s="58"/>
      <c r="Q23" s="59"/>
      <c r="R23" s="59"/>
      <c r="S23" s="59"/>
      <c r="T23" s="59"/>
      <c r="U23" s="59"/>
      <c r="V23" s="60"/>
      <c r="W23" s="58"/>
      <c r="X23" s="59"/>
      <c r="Y23" s="59"/>
      <c r="Z23" s="59"/>
      <c r="AA23" s="59"/>
      <c r="AB23" s="59"/>
      <c r="AC23" s="60"/>
      <c r="AD23" s="58"/>
      <c r="AE23" s="59"/>
      <c r="AF23" s="59"/>
      <c r="AG23" s="59"/>
      <c r="AH23" s="59"/>
      <c r="AI23" s="59"/>
      <c r="AJ23" s="60"/>
      <c r="AK23" s="58"/>
      <c r="AL23" s="59"/>
      <c r="AM23" s="59"/>
      <c r="AN23" s="59"/>
      <c r="AO23" s="59"/>
      <c r="AP23" s="59"/>
      <c r="AQ23" s="60"/>
      <c r="AR23" s="58"/>
      <c r="AS23" s="59"/>
      <c r="AT23" s="60"/>
      <c r="AU23" s="336">
        <f t="shared" si="3"/>
        <v>0</v>
      </c>
      <c r="AV23" s="337"/>
      <c r="AW23" s="338">
        <f t="shared" si="1"/>
        <v>0</v>
      </c>
      <c r="AX23" s="339"/>
      <c r="AY23" s="340"/>
      <c r="AZ23" s="341"/>
      <c r="BA23" s="341"/>
      <c r="BB23" s="341"/>
      <c r="BC23" s="341"/>
      <c r="BD23" s="342"/>
    </row>
    <row r="24" spans="1:56" ht="39.950000000000003" customHeight="1" x14ac:dyDescent="0.4">
      <c r="A24" s="39"/>
      <c r="B24" s="57">
        <f t="shared" si="2"/>
        <v>12</v>
      </c>
      <c r="C24" s="326"/>
      <c r="D24" s="327"/>
      <c r="E24" s="328"/>
      <c r="F24" s="329"/>
      <c r="G24" s="330"/>
      <c r="H24" s="331"/>
      <c r="I24" s="331"/>
      <c r="J24" s="331"/>
      <c r="K24" s="332"/>
      <c r="L24" s="333"/>
      <c r="M24" s="334"/>
      <c r="N24" s="334"/>
      <c r="O24" s="335"/>
      <c r="P24" s="58"/>
      <c r="Q24" s="59"/>
      <c r="R24" s="59"/>
      <c r="S24" s="59"/>
      <c r="T24" s="59"/>
      <c r="U24" s="59"/>
      <c r="V24" s="60"/>
      <c r="W24" s="58"/>
      <c r="X24" s="59"/>
      <c r="Y24" s="59"/>
      <c r="Z24" s="59"/>
      <c r="AA24" s="59"/>
      <c r="AB24" s="59"/>
      <c r="AC24" s="60"/>
      <c r="AD24" s="58"/>
      <c r="AE24" s="59"/>
      <c r="AF24" s="59"/>
      <c r="AG24" s="59"/>
      <c r="AH24" s="59"/>
      <c r="AI24" s="59"/>
      <c r="AJ24" s="60"/>
      <c r="AK24" s="58"/>
      <c r="AL24" s="59"/>
      <c r="AM24" s="59"/>
      <c r="AN24" s="59"/>
      <c r="AO24" s="59"/>
      <c r="AP24" s="59"/>
      <c r="AQ24" s="60"/>
      <c r="AR24" s="58"/>
      <c r="AS24" s="59"/>
      <c r="AT24" s="60"/>
      <c r="AU24" s="336">
        <f t="shared" si="3"/>
        <v>0</v>
      </c>
      <c r="AV24" s="337"/>
      <c r="AW24" s="338">
        <f t="shared" si="1"/>
        <v>0</v>
      </c>
      <c r="AX24" s="339"/>
      <c r="AY24" s="340"/>
      <c r="AZ24" s="341"/>
      <c r="BA24" s="341"/>
      <c r="BB24" s="341"/>
      <c r="BC24" s="341"/>
      <c r="BD24" s="342"/>
    </row>
    <row r="25" spans="1:56" ht="39.950000000000003" customHeight="1" x14ac:dyDescent="0.4">
      <c r="A25" s="39"/>
      <c r="B25" s="57">
        <f t="shared" si="2"/>
        <v>13</v>
      </c>
      <c r="C25" s="326"/>
      <c r="D25" s="327"/>
      <c r="E25" s="328"/>
      <c r="F25" s="329"/>
      <c r="G25" s="330"/>
      <c r="H25" s="331"/>
      <c r="I25" s="331"/>
      <c r="J25" s="331"/>
      <c r="K25" s="332"/>
      <c r="L25" s="333"/>
      <c r="M25" s="334"/>
      <c r="N25" s="334"/>
      <c r="O25" s="335"/>
      <c r="P25" s="58"/>
      <c r="Q25" s="59"/>
      <c r="R25" s="59"/>
      <c r="S25" s="59"/>
      <c r="T25" s="59"/>
      <c r="U25" s="59"/>
      <c r="V25" s="60"/>
      <c r="W25" s="58"/>
      <c r="X25" s="59"/>
      <c r="Y25" s="59"/>
      <c r="Z25" s="59"/>
      <c r="AA25" s="59"/>
      <c r="AB25" s="59"/>
      <c r="AC25" s="60"/>
      <c r="AD25" s="58"/>
      <c r="AE25" s="59"/>
      <c r="AF25" s="59"/>
      <c r="AG25" s="59"/>
      <c r="AH25" s="59"/>
      <c r="AI25" s="59"/>
      <c r="AJ25" s="60"/>
      <c r="AK25" s="58"/>
      <c r="AL25" s="59"/>
      <c r="AM25" s="59"/>
      <c r="AN25" s="59"/>
      <c r="AO25" s="59"/>
      <c r="AP25" s="59"/>
      <c r="AQ25" s="60"/>
      <c r="AR25" s="58"/>
      <c r="AS25" s="59"/>
      <c r="AT25" s="60"/>
      <c r="AU25" s="336">
        <f t="shared" si="3"/>
        <v>0</v>
      </c>
      <c r="AV25" s="337"/>
      <c r="AW25" s="338">
        <f t="shared" si="1"/>
        <v>0</v>
      </c>
      <c r="AX25" s="339"/>
      <c r="AY25" s="340"/>
      <c r="AZ25" s="341"/>
      <c r="BA25" s="341"/>
      <c r="BB25" s="341"/>
      <c r="BC25" s="341"/>
      <c r="BD25" s="342"/>
    </row>
    <row r="26" spans="1:56" ht="39.950000000000003" customHeight="1" x14ac:dyDescent="0.4">
      <c r="A26" s="39"/>
      <c r="B26" s="57">
        <f t="shared" si="2"/>
        <v>14</v>
      </c>
      <c r="C26" s="326"/>
      <c r="D26" s="327"/>
      <c r="E26" s="328"/>
      <c r="F26" s="329"/>
      <c r="G26" s="330"/>
      <c r="H26" s="331"/>
      <c r="I26" s="331"/>
      <c r="J26" s="331"/>
      <c r="K26" s="332"/>
      <c r="L26" s="333"/>
      <c r="M26" s="334"/>
      <c r="N26" s="334"/>
      <c r="O26" s="335"/>
      <c r="P26" s="58"/>
      <c r="Q26" s="59"/>
      <c r="R26" s="59"/>
      <c r="S26" s="59"/>
      <c r="T26" s="59"/>
      <c r="U26" s="59"/>
      <c r="V26" s="60"/>
      <c r="W26" s="58"/>
      <c r="X26" s="59"/>
      <c r="Y26" s="59"/>
      <c r="Z26" s="59"/>
      <c r="AA26" s="59"/>
      <c r="AB26" s="59"/>
      <c r="AC26" s="60"/>
      <c r="AD26" s="58"/>
      <c r="AE26" s="59"/>
      <c r="AF26" s="59"/>
      <c r="AG26" s="59"/>
      <c r="AH26" s="59"/>
      <c r="AI26" s="59"/>
      <c r="AJ26" s="60"/>
      <c r="AK26" s="58"/>
      <c r="AL26" s="59"/>
      <c r="AM26" s="59"/>
      <c r="AN26" s="59"/>
      <c r="AO26" s="59"/>
      <c r="AP26" s="59"/>
      <c r="AQ26" s="60"/>
      <c r="AR26" s="58"/>
      <c r="AS26" s="59"/>
      <c r="AT26" s="60"/>
      <c r="AU26" s="336">
        <f t="shared" si="3"/>
        <v>0</v>
      </c>
      <c r="AV26" s="337"/>
      <c r="AW26" s="338">
        <f t="shared" si="1"/>
        <v>0</v>
      </c>
      <c r="AX26" s="339"/>
      <c r="AY26" s="340"/>
      <c r="AZ26" s="341"/>
      <c r="BA26" s="341"/>
      <c r="BB26" s="341"/>
      <c r="BC26" s="341"/>
      <c r="BD26" s="342"/>
    </row>
    <row r="27" spans="1:56" ht="39.950000000000003" customHeight="1" x14ac:dyDescent="0.4">
      <c r="A27" s="39"/>
      <c r="B27" s="57">
        <f t="shared" si="2"/>
        <v>15</v>
      </c>
      <c r="C27" s="326"/>
      <c r="D27" s="327"/>
      <c r="E27" s="328"/>
      <c r="F27" s="329"/>
      <c r="G27" s="330"/>
      <c r="H27" s="331"/>
      <c r="I27" s="331"/>
      <c r="J27" s="331"/>
      <c r="K27" s="332"/>
      <c r="L27" s="333"/>
      <c r="M27" s="334"/>
      <c r="N27" s="334"/>
      <c r="O27" s="335"/>
      <c r="P27" s="58"/>
      <c r="Q27" s="59"/>
      <c r="R27" s="59"/>
      <c r="S27" s="59"/>
      <c r="T27" s="59"/>
      <c r="U27" s="59"/>
      <c r="V27" s="60"/>
      <c r="W27" s="58"/>
      <c r="X27" s="59"/>
      <c r="Y27" s="59"/>
      <c r="Z27" s="59"/>
      <c r="AA27" s="59"/>
      <c r="AB27" s="59"/>
      <c r="AC27" s="60"/>
      <c r="AD27" s="58"/>
      <c r="AE27" s="59"/>
      <c r="AF27" s="59"/>
      <c r="AG27" s="59"/>
      <c r="AH27" s="59"/>
      <c r="AI27" s="59"/>
      <c r="AJ27" s="60"/>
      <c r="AK27" s="58"/>
      <c r="AL27" s="59"/>
      <c r="AM27" s="59"/>
      <c r="AN27" s="59"/>
      <c r="AO27" s="59"/>
      <c r="AP27" s="59"/>
      <c r="AQ27" s="60"/>
      <c r="AR27" s="58"/>
      <c r="AS27" s="59"/>
      <c r="AT27" s="60"/>
      <c r="AU27" s="336">
        <f t="shared" si="3"/>
        <v>0</v>
      </c>
      <c r="AV27" s="337"/>
      <c r="AW27" s="338">
        <f t="shared" si="1"/>
        <v>0</v>
      </c>
      <c r="AX27" s="339"/>
      <c r="AY27" s="340"/>
      <c r="AZ27" s="341"/>
      <c r="BA27" s="341"/>
      <c r="BB27" s="341"/>
      <c r="BC27" s="341"/>
      <c r="BD27" s="342"/>
    </row>
    <row r="28" spans="1:56" ht="39.950000000000003" customHeight="1" x14ac:dyDescent="0.4">
      <c r="A28" s="39"/>
      <c r="B28" s="57">
        <f t="shared" si="2"/>
        <v>16</v>
      </c>
      <c r="C28" s="326"/>
      <c r="D28" s="327"/>
      <c r="E28" s="328"/>
      <c r="F28" s="329"/>
      <c r="G28" s="330"/>
      <c r="H28" s="331"/>
      <c r="I28" s="331"/>
      <c r="J28" s="331"/>
      <c r="K28" s="332"/>
      <c r="L28" s="333"/>
      <c r="M28" s="334"/>
      <c r="N28" s="334"/>
      <c r="O28" s="335"/>
      <c r="P28" s="58"/>
      <c r="Q28" s="59"/>
      <c r="R28" s="59"/>
      <c r="S28" s="59"/>
      <c r="T28" s="59"/>
      <c r="U28" s="59"/>
      <c r="V28" s="60"/>
      <c r="W28" s="58"/>
      <c r="X28" s="59"/>
      <c r="Y28" s="59"/>
      <c r="Z28" s="59"/>
      <c r="AA28" s="59"/>
      <c r="AB28" s="59"/>
      <c r="AC28" s="60"/>
      <c r="AD28" s="58"/>
      <c r="AE28" s="59"/>
      <c r="AF28" s="59"/>
      <c r="AG28" s="59"/>
      <c r="AH28" s="59"/>
      <c r="AI28" s="59"/>
      <c r="AJ28" s="60"/>
      <c r="AK28" s="58"/>
      <c r="AL28" s="59"/>
      <c r="AM28" s="59"/>
      <c r="AN28" s="59"/>
      <c r="AO28" s="59"/>
      <c r="AP28" s="59"/>
      <c r="AQ28" s="60"/>
      <c r="AR28" s="58"/>
      <c r="AS28" s="59"/>
      <c r="AT28" s="60"/>
      <c r="AU28" s="336">
        <f t="shared" si="3"/>
        <v>0</v>
      </c>
      <c r="AV28" s="337"/>
      <c r="AW28" s="338">
        <f t="shared" si="1"/>
        <v>0</v>
      </c>
      <c r="AX28" s="339"/>
      <c r="AY28" s="340"/>
      <c r="AZ28" s="341"/>
      <c r="BA28" s="341"/>
      <c r="BB28" s="341"/>
      <c r="BC28" s="341"/>
      <c r="BD28" s="342"/>
    </row>
    <row r="29" spans="1:56" ht="39.950000000000003" customHeight="1" x14ac:dyDescent="0.4">
      <c r="A29" s="39"/>
      <c r="B29" s="57">
        <f t="shared" si="2"/>
        <v>17</v>
      </c>
      <c r="C29" s="326"/>
      <c r="D29" s="327"/>
      <c r="E29" s="328"/>
      <c r="F29" s="329"/>
      <c r="G29" s="330"/>
      <c r="H29" s="331"/>
      <c r="I29" s="331"/>
      <c r="J29" s="331"/>
      <c r="K29" s="332"/>
      <c r="L29" s="333"/>
      <c r="M29" s="334"/>
      <c r="N29" s="334"/>
      <c r="O29" s="335"/>
      <c r="P29" s="58"/>
      <c r="Q29" s="59"/>
      <c r="R29" s="59"/>
      <c r="S29" s="59"/>
      <c r="T29" s="59"/>
      <c r="U29" s="59"/>
      <c r="V29" s="60"/>
      <c r="W29" s="58"/>
      <c r="X29" s="59"/>
      <c r="Y29" s="59"/>
      <c r="Z29" s="59"/>
      <c r="AA29" s="59"/>
      <c r="AB29" s="59"/>
      <c r="AC29" s="60"/>
      <c r="AD29" s="58"/>
      <c r="AE29" s="59"/>
      <c r="AF29" s="59"/>
      <c r="AG29" s="59"/>
      <c r="AH29" s="59"/>
      <c r="AI29" s="59"/>
      <c r="AJ29" s="60"/>
      <c r="AK29" s="58"/>
      <c r="AL29" s="59"/>
      <c r="AM29" s="59"/>
      <c r="AN29" s="59"/>
      <c r="AO29" s="59"/>
      <c r="AP29" s="59"/>
      <c r="AQ29" s="60"/>
      <c r="AR29" s="58"/>
      <c r="AS29" s="59"/>
      <c r="AT29" s="60"/>
      <c r="AU29" s="336">
        <f t="shared" si="3"/>
        <v>0</v>
      </c>
      <c r="AV29" s="337"/>
      <c r="AW29" s="338">
        <f t="shared" si="1"/>
        <v>0</v>
      </c>
      <c r="AX29" s="339"/>
      <c r="AY29" s="340"/>
      <c r="AZ29" s="341"/>
      <c r="BA29" s="341"/>
      <c r="BB29" s="341"/>
      <c r="BC29" s="341"/>
      <c r="BD29" s="342"/>
    </row>
    <row r="30" spans="1:56" ht="39.950000000000003" customHeight="1" thickBot="1" x14ac:dyDescent="0.45">
      <c r="A30" s="39"/>
      <c r="B30" s="61">
        <f t="shared" si="2"/>
        <v>18</v>
      </c>
      <c r="C30" s="357"/>
      <c r="D30" s="358"/>
      <c r="E30" s="359"/>
      <c r="F30" s="360"/>
      <c r="G30" s="361"/>
      <c r="H30" s="362"/>
      <c r="I30" s="362"/>
      <c r="J30" s="362"/>
      <c r="K30" s="363"/>
      <c r="L30" s="364"/>
      <c r="M30" s="365"/>
      <c r="N30" s="365"/>
      <c r="O30" s="366"/>
      <c r="P30" s="62"/>
      <c r="Q30" s="63"/>
      <c r="R30" s="63"/>
      <c r="S30" s="63"/>
      <c r="T30" s="63"/>
      <c r="U30" s="63"/>
      <c r="V30" s="64"/>
      <c r="W30" s="62"/>
      <c r="X30" s="63"/>
      <c r="Y30" s="63"/>
      <c r="Z30" s="63"/>
      <c r="AA30" s="63"/>
      <c r="AB30" s="63"/>
      <c r="AC30" s="64"/>
      <c r="AD30" s="62"/>
      <c r="AE30" s="63"/>
      <c r="AF30" s="63"/>
      <c r="AG30" s="63"/>
      <c r="AH30" s="63"/>
      <c r="AI30" s="63"/>
      <c r="AJ30" s="64"/>
      <c r="AK30" s="62"/>
      <c r="AL30" s="63"/>
      <c r="AM30" s="63"/>
      <c r="AN30" s="63"/>
      <c r="AO30" s="63"/>
      <c r="AP30" s="63"/>
      <c r="AQ30" s="64"/>
      <c r="AR30" s="62"/>
      <c r="AS30" s="63"/>
      <c r="AT30" s="64"/>
      <c r="AU30" s="367">
        <f t="shared" si="3"/>
        <v>0</v>
      </c>
      <c r="AV30" s="368"/>
      <c r="AW30" s="369">
        <f t="shared" si="1"/>
        <v>0</v>
      </c>
      <c r="AX30" s="370"/>
      <c r="AY30" s="371"/>
      <c r="AZ30" s="372"/>
      <c r="BA30" s="372"/>
      <c r="BB30" s="372"/>
      <c r="BC30" s="372"/>
      <c r="BD30" s="373"/>
    </row>
    <row r="31" spans="1:56" ht="20.25" customHeight="1" x14ac:dyDescent="0.4">
      <c r="A31" s="39"/>
      <c r="B31" s="39"/>
      <c r="C31" s="65"/>
      <c r="D31" s="66"/>
      <c r="E31" s="67"/>
      <c r="F31" s="41"/>
      <c r="G31" s="41"/>
      <c r="H31" s="41"/>
      <c r="I31" s="41"/>
      <c r="J31" s="41"/>
      <c r="K31" s="41"/>
      <c r="L31" s="41"/>
      <c r="M31" s="41"/>
      <c r="N31" s="41"/>
      <c r="O31" s="41"/>
      <c r="P31" s="41"/>
      <c r="Q31" s="41"/>
      <c r="R31" s="41"/>
      <c r="S31" s="41"/>
      <c r="T31" s="41"/>
      <c r="U31" s="41"/>
      <c r="V31" s="41"/>
      <c r="W31" s="41"/>
      <c r="X31" s="41"/>
      <c r="Y31" s="41"/>
      <c r="Z31" s="41"/>
      <c r="AA31" s="41"/>
      <c r="AB31" s="41"/>
      <c r="AC31" s="68"/>
      <c r="AD31" s="41"/>
      <c r="AE31" s="41"/>
      <c r="AF31" s="41"/>
      <c r="AG31" s="41"/>
      <c r="AH31" s="41"/>
      <c r="AI31" s="41"/>
      <c r="AJ31" s="41"/>
      <c r="AK31" s="41"/>
      <c r="AL31" s="41"/>
      <c r="AM31" s="41"/>
      <c r="AN31" s="41"/>
      <c r="AO31" s="41"/>
      <c r="AP31" s="41"/>
      <c r="AQ31" s="41"/>
      <c r="AR31" s="41"/>
      <c r="AS31" s="41"/>
      <c r="AT31" s="41"/>
      <c r="AU31" s="41"/>
      <c r="AV31" s="39"/>
      <c r="AW31" s="39"/>
      <c r="AX31" s="39"/>
      <c r="AY31" s="39"/>
      <c r="AZ31" s="39"/>
      <c r="BA31" s="39"/>
      <c r="BB31" s="39"/>
      <c r="BC31" s="39"/>
      <c r="BD31" s="39"/>
    </row>
    <row r="32" spans="1:56" ht="20.25" customHeight="1" x14ac:dyDescent="0.4">
      <c r="A32" s="39"/>
      <c r="B32" s="39"/>
      <c r="C32" s="35" t="s">
        <v>33</v>
      </c>
      <c r="D32" s="66"/>
      <c r="E32" s="67"/>
      <c r="F32" s="41"/>
      <c r="G32" s="41"/>
      <c r="H32" s="41"/>
      <c r="I32" s="41"/>
      <c r="J32" s="41"/>
      <c r="K32" s="41"/>
      <c r="L32" s="41"/>
      <c r="M32" s="41"/>
      <c r="N32" s="41"/>
      <c r="O32" s="41"/>
      <c r="P32" s="41"/>
      <c r="Q32" s="41"/>
      <c r="R32" s="41"/>
      <c r="S32" s="41"/>
      <c r="T32" s="41"/>
      <c r="U32" s="41"/>
      <c r="V32" s="41"/>
      <c r="W32" s="41"/>
      <c r="X32" s="41"/>
      <c r="Y32" s="41"/>
      <c r="Z32" s="41"/>
      <c r="AA32" s="41"/>
      <c r="AB32" s="41"/>
      <c r="AC32" s="68"/>
      <c r="AD32" s="41"/>
      <c r="AE32" s="41"/>
      <c r="AF32" s="41"/>
      <c r="AG32" s="41"/>
      <c r="AH32" s="41"/>
      <c r="AI32" s="41"/>
      <c r="AJ32" s="41"/>
      <c r="AK32" s="41"/>
      <c r="AL32" s="41"/>
      <c r="AM32" s="41"/>
      <c r="AN32" s="41"/>
      <c r="AO32" s="41"/>
      <c r="AP32" s="41"/>
      <c r="AQ32" s="41"/>
      <c r="AR32" s="41"/>
      <c r="AS32" s="41"/>
      <c r="AT32" s="41"/>
      <c r="AU32" s="41"/>
      <c r="AV32" s="39"/>
      <c r="AW32" s="39"/>
      <c r="AX32" s="39"/>
      <c r="AY32" s="39"/>
      <c r="AZ32" s="39"/>
      <c r="BA32" s="39"/>
      <c r="BB32" s="39"/>
      <c r="BC32" s="39"/>
      <c r="BD32" s="39"/>
    </row>
    <row r="33" spans="1:56" ht="20.25" customHeight="1" x14ac:dyDescent="0.4">
      <c r="A33" s="39"/>
      <c r="B33" s="39"/>
      <c r="C33" s="35" t="s">
        <v>34</v>
      </c>
      <c r="D33" s="69"/>
      <c r="E33" s="69"/>
      <c r="F33" s="70"/>
      <c r="G33" s="70"/>
      <c r="H33" s="70"/>
      <c r="I33" s="70"/>
      <c r="J33" s="70"/>
      <c r="K33" s="70"/>
      <c r="L33" s="70"/>
      <c r="M33" s="70"/>
      <c r="N33" s="70"/>
      <c r="O33" s="70"/>
      <c r="P33" s="70"/>
      <c r="Q33" s="70" t="s">
        <v>35</v>
      </c>
      <c r="R33" s="70"/>
      <c r="S33" s="70"/>
      <c r="T33" s="70"/>
      <c r="U33" s="70"/>
      <c r="V33" s="70"/>
      <c r="W33" s="70"/>
      <c r="X33" s="70"/>
      <c r="Y33" s="70"/>
      <c r="Z33" s="70"/>
      <c r="AA33" s="71"/>
      <c r="AB33" s="70"/>
      <c r="AC33" s="70"/>
      <c r="AD33" s="70"/>
      <c r="AE33" s="70"/>
      <c r="AF33" s="70"/>
      <c r="AG33" s="70"/>
      <c r="AH33" s="70"/>
      <c r="AI33" s="70" t="s">
        <v>36</v>
      </c>
      <c r="AJ33" s="70"/>
      <c r="AK33" s="70"/>
      <c r="AL33" s="70"/>
      <c r="AM33" s="70"/>
      <c r="AN33" s="70"/>
      <c r="AO33" s="72"/>
      <c r="AP33" s="72"/>
      <c r="AQ33" s="72"/>
      <c r="AR33" s="72"/>
      <c r="AS33" s="73"/>
      <c r="AT33" s="72"/>
      <c r="AU33" s="72"/>
      <c r="AV33" s="72"/>
      <c r="AW33" s="72"/>
      <c r="AX33" s="39"/>
      <c r="AY33" s="39"/>
      <c r="AZ33" s="39"/>
      <c r="BA33" s="39"/>
      <c r="BB33" s="39"/>
      <c r="BC33" s="39"/>
      <c r="BD33" s="39"/>
    </row>
    <row r="34" spans="1:56" ht="20.25" customHeight="1" x14ac:dyDescent="0.4">
      <c r="A34" s="39"/>
      <c r="B34" s="39"/>
      <c r="C34" s="35" t="s">
        <v>37</v>
      </c>
      <c r="D34" s="69"/>
      <c r="E34" s="69"/>
      <c r="F34" s="70"/>
      <c r="G34" s="70"/>
      <c r="H34" s="70"/>
      <c r="I34" s="70"/>
      <c r="J34" s="70"/>
      <c r="K34" s="70"/>
      <c r="L34" s="383" t="s">
        <v>38</v>
      </c>
      <c r="M34" s="383"/>
      <c r="N34" s="70"/>
      <c r="O34" s="70"/>
      <c r="P34" s="70"/>
      <c r="Q34" s="70"/>
      <c r="R34" s="384" t="s">
        <v>39</v>
      </c>
      <c r="S34" s="384"/>
      <c r="T34" s="384" t="s">
        <v>40</v>
      </c>
      <c r="U34" s="384"/>
      <c r="V34" s="384"/>
      <c r="W34" s="384"/>
      <c r="X34" s="70"/>
      <c r="Y34" s="385" t="s">
        <v>41</v>
      </c>
      <c r="Z34" s="385"/>
      <c r="AA34" s="385"/>
      <c r="AB34" s="385"/>
      <c r="AC34" s="35"/>
      <c r="AD34" s="35"/>
      <c r="AE34" s="74" t="s">
        <v>42</v>
      </c>
      <c r="AF34" s="74"/>
      <c r="AG34" s="70"/>
      <c r="AH34" s="70"/>
      <c r="AI34" s="380" t="s">
        <v>43</v>
      </c>
      <c r="AJ34" s="381"/>
      <c r="AK34" s="380" t="s">
        <v>44</v>
      </c>
      <c r="AL34" s="386"/>
      <c r="AM34" s="386"/>
      <c r="AN34" s="381"/>
      <c r="AO34" s="72"/>
      <c r="AP34" s="72"/>
      <c r="AQ34" s="72"/>
      <c r="AR34" s="72"/>
      <c r="AS34" s="374"/>
      <c r="AT34" s="374"/>
      <c r="AU34" s="72"/>
      <c r="AV34" s="72"/>
      <c r="AW34" s="72"/>
      <c r="AX34" s="39"/>
      <c r="AY34" s="39"/>
      <c r="AZ34" s="39"/>
      <c r="BA34" s="39"/>
      <c r="BB34" s="39"/>
      <c r="BC34" s="39"/>
      <c r="BD34" s="39"/>
    </row>
    <row r="35" spans="1:56" ht="20.25" customHeight="1" x14ac:dyDescent="0.4">
      <c r="A35" s="39"/>
      <c r="B35" s="39"/>
      <c r="C35" s="375"/>
      <c r="D35" s="376"/>
      <c r="E35" s="377"/>
      <c r="F35" s="378">
        <f>IF(AB2=1,10,IF(AB2=2,11,IF(AB2=3,12,AB2-3)))</f>
        <v>1</v>
      </c>
      <c r="G35" s="379"/>
      <c r="H35" s="378">
        <f>IF(AB2=1,11,IF(AB2=2,12,AB2-2))</f>
        <v>2</v>
      </c>
      <c r="I35" s="379"/>
      <c r="J35" s="378">
        <f>IF(AB2=1,12,AB2-1)</f>
        <v>3</v>
      </c>
      <c r="K35" s="379"/>
      <c r="L35" s="380" t="s">
        <v>45</v>
      </c>
      <c r="M35" s="381"/>
      <c r="N35" s="70"/>
      <c r="O35" s="70"/>
      <c r="P35" s="70"/>
      <c r="Q35" s="70"/>
      <c r="R35" s="382"/>
      <c r="S35" s="382"/>
      <c r="T35" s="382" t="s">
        <v>46</v>
      </c>
      <c r="U35" s="382"/>
      <c r="V35" s="382" t="s">
        <v>47</v>
      </c>
      <c r="W35" s="382"/>
      <c r="X35" s="70"/>
      <c r="Y35" s="382" t="s">
        <v>46</v>
      </c>
      <c r="Z35" s="382"/>
      <c r="AA35" s="382" t="s">
        <v>47</v>
      </c>
      <c r="AB35" s="382"/>
      <c r="AC35" s="35"/>
      <c r="AD35" s="35"/>
      <c r="AE35" s="74" t="s">
        <v>48</v>
      </c>
      <c r="AF35" s="74"/>
      <c r="AG35" s="70"/>
      <c r="AH35" s="70"/>
      <c r="AI35" s="380" t="s">
        <v>49</v>
      </c>
      <c r="AJ35" s="381"/>
      <c r="AK35" s="380" t="s">
        <v>50</v>
      </c>
      <c r="AL35" s="386"/>
      <c r="AM35" s="386"/>
      <c r="AN35" s="381"/>
      <c r="AO35" s="75"/>
      <c r="AP35" s="75"/>
      <c r="AQ35" s="72"/>
      <c r="AR35" s="76"/>
      <c r="AS35" s="387"/>
      <c r="AT35" s="387"/>
      <c r="AU35" s="72"/>
      <c r="AV35" s="72"/>
      <c r="AW35" s="72"/>
      <c r="AX35" s="39"/>
      <c r="AY35" s="39"/>
      <c r="AZ35" s="39"/>
      <c r="BA35" s="39"/>
      <c r="BB35" s="39"/>
      <c r="BC35" s="39"/>
      <c r="BD35" s="39"/>
    </row>
    <row r="36" spans="1:56" ht="20.25" customHeight="1" x14ac:dyDescent="0.4">
      <c r="A36" s="39"/>
      <c r="B36" s="39"/>
      <c r="C36" s="375" t="s">
        <v>51</v>
      </c>
      <c r="D36" s="376"/>
      <c r="E36" s="377"/>
      <c r="F36" s="388"/>
      <c r="G36" s="388"/>
      <c r="H36" s="388"/>
      <c r="I36" s="388"/>
      <c r="J36" s="388"/>
      <c r="K36" s="388"/>
      <c r="L36" s="389">
        <f>SUM(F36:K36)</f>
        <v>0</v>
      </c>
      <c r="M36" s="389"/>
      <c r="N36" s="70"/>
      <c r="O36" s="70"/>
      <c r="P36" s="70"/>
      <c r="Q36" s="70"/>
      <c r="R36" s="380" t="s">
        <v>49</v>
      </c>
      <c r="S36" s="381"/>
      <c r="T36" s="390">
        <f>SUMIFS($AU$13:$AV$30,$C$13:$D$30,"訪問介護員",$E$13:$F$30,"A")+SUMIFS($AU$13:$AV$30,$C$13:$D$30,"サービス提供責任者",$E$13:$F$30,"A")</f>
        <v>0</v>
      </c>
      <c r="U36" s="391"/>
      <c r="V36" s="392">
        <f>SUMIFS($AW$13:$AX$30,$C$13:$D$30,"訪問介護員",$E$13:$F$30,"A")+SUMIFS($AW$13:$AX$30,$C$13:$D$30,"サービス提供責任者",$E$13:$F$30,"A")</f>
        <v>0</v>
      </c>
      <c r="W36" s="393"/>
      <c r="X36" s="70"/>
      <c r="Y36" s="394">
        <v>0</v>
      </c>
      <c r="Z36" s="395"/>
      <c r="AA36" s="396">
        <v>0</v>
      </c>
      <c r="AB36" s="397"/>
      <c r="AC36" s="35"/>
      <c r="AD36" s="35"/>
      <c r="AE36" s="394">
        <v>0</v>
      </c>
      <c r="AF36" s="395"/>
      <c r="AG36" s="70"/>
      <c r="AH36" s="70"/>
      <c r="AI36" s="380" t="s">
        <v>52</v>
      </c>
      <c r="AJ36" s="381"/>
      <c r="AK36" s="380" t="s">
        <v>53</v>
      </c>
      <c r="AL36" s="386"/>
      <c r="AM36" s="386"/>
      <c r="AN36" s="381"/>
      <c r="AO36" s="76"/>
      <c r="AP36" s="72"/>
      <c r="AQ36" s="398"/>
      <c r="AR36" s="398"/>
      <c r="AS36" s="398"/>
      <c r="AT36" s="398"/>
      <c r="AU36" s="72"/>
      <c r="AV36" s="72"/>
      <c r="AW36" s="72"/>
      <c r="AX36" s="39"/>
      <c r="AY36" s="39"/>
      <c r="AZ36" s="39"/>
      <c r="BA36" s="39"/>
      <c r="BB36" s="39"/>
      <c r="BC36" s="39"/>
      <c r="BD36" s="39"/>
    </row>
    <row r="37" spans="1:56" ht="20.25" customHeight="1" x14ac:dyDescent="0.4">
      <c r="A37" s="39"/>
      <c r="B37" s="39"/>
      <c r="C37" s="375" t="s">
        <v>54</v>
      </c>
      <c r="D37" s="376"/>
      <c r="E37" s="377"/>
      <c r="F37" s="399"/>
      <c r="G37" s="400"/>
      <c r="H37" s="399"/>
      <c r="I37" s="400"/>
      <c r="J37" s="399"/>
      <c r="K37" s="400"/>
      <c r="L37" s="401">
        <f>SUM(F37:K37)</f>
        <v>0</v>
      </c>
      <c r="M37" s="402"/>
      <c r="N37" s="70"/>
      <c r="O37" s="70"/>
      <c r="P37" s="70"/>
      <c r="Q37" s="70"/>
      <c r="R37" s="380" t="s">
        <v>52</v>
      </c>
      <c r="S37" s="381"/>
      <c r="T37" s="390">
        <f>SUMIFS($AU$13:$AV$30,$C$13:$D$30,"訪問介護員",$E$13:$F$30,"B")+SUMIFS($AU$13:$AV$30,$C$13:$D$30,"サービス提供責任者",$E$13:$F$30,"B")</f>
        <v>0</v>
      </c>
      <c r="U37" s="391"/>
      <c r="V37" s="392">
        <f>SUMIFS($AW$13:$AX$30,$C$13:$D$30,"訪問介護員",$E$13:$F$30,"B")+SUMIFS($AW$13:$AX$30,$C$13:$D$30,"サービス提供責任者",$E$13:$F$30,"B")</f>
        <v>0</v>
      </c>
      <c r="W37" s="393"/>
      <c r="X37" s="70"/>
      <c r="Y37" s="394">
        <v>0</v>
      </c>
      <c r="Z37" s="395"/>
      <c r="AA37" s="396">
        <v>0</v>
      </c>
      <c r="AB37" s="397"/>
      <c r="AC37" s="35"/>
      <c r="AD37" s="35"/>
      <c r="AE37" s="394">
        <v>0</v>
      </c>
      <c r="AF37" s="395"/>
      <c r="AG37" s="70"/>
      <c r="AH37" s="70"/>
      <c r="AI37" s="380" t="s">
        <v>55</v>
      </c>
      <c r="AJ37" s="381"/>
      <c r="AK37" s="380" t="s">
        <v>56</v>
      </c>
      <c r="AL37" s="386"/>
      <c r="AM37" s="386"/>
      <c r="AN37" s="381"/>
      <c r="AO37" s="76"/>
      <c r="AP37" s="72"/>
      <c r="AQ37" s="403"/>
      <c r="AR37" s="403"/>
      <c r="AS37" s="403"/>
      <c r="AT37" s="403"/>
      <c r="AU37" s="72"/>
      <c r="AV37" s="72"/>
      <c r="AW37" s="72"/>
      <c r="AX37" s="39"/>
      <c r="AY37" s="39"/>
      <c r="AZ37" s="39"/>
      <c r="BA37" s="39"/>
      <c r="BB37" s="39"/>
      <c r="BC37" s="39"/>
      <c r="BD37" s="39"/>
    </row>
    <row r="38" spans="1:56" ht="20.25" customHeight="1" x14ac:dyDescent="0.4">
      <c r="A38" s="39"/>
      <c r="B38" s="39"/>
      <c r="C38" s="375" t="s">
        <v>45</v>
      </c>
      <c r="D38" s="376"/>
      <c r="E38" s="377"/>
      <c r="F38" s="389">
        <f>SUM(F36:G37)</f>
        <v>0</v>
      </c>
      <c r="G38" s="389"/>
      <c r="H38" s="389">
        <f>SUM(H36:I37)</f>
        <v>0</v>
      </c>
      <c r="I38" s="389"/>
      <c r="J38" s="389">
        <f>SUM(J36:K37)</f>
        <v>0</v>
      </c>
      <c r="K38" s="389"/>
      <c r="L38" s="389">
        <f>SUM(L36:M37)</f>
        <v>0</v>
      </c>
      <c r="M38" s="389"/>
      <c r="N38" s="70"/>
      <c r="O38" s="70"/>
      <c r="P38" s="70"/>
      <c r="Q38" s="70"/>
      <c r="R38" s="380" t="s">
        <v>55</v>
      </c>
      <c r="S38" s="381"/>
      <c r="T38" s="390">
        <f>SUMIFS($AU$13:$AV$30,$C$13:$D$30,"訪問介護員",$E$13:$F$30,"C")+SUMIFS($AU$13:$AV$30,$C$13:$D$30,"サービス提供責任者",$E$13:$F$30,"C")</f>
        <v>0</v>
      </c>
      <c r="U38" s="391"/>
      <c r="V38" s="392">
        <f>SUMIFS($AW$13:$AX$30,$C$13:$D$30,"訪問介護員",$E$13:$F$30,"C")+SUMIFS($AW$13:$AX$30,$C$13:$D$30,"サービス提供責任者",$E$13:$F$30,"C")</f>
        <v>0</v>
      </c>
      <c r="W38" s="393"/>
      <c r="X38" s="70"/>
      <c r="Y38" s="394">
        <v>0</v>
      </c>
      <c r="Z38" s="395"/>
      <c r="AA38" s="406">
        <v>0</v>
      </c>
      <c r="AB38" s="407"/>
      <c r="AC38" s="35"/>
      <c r="AD38" s="35"/>
      <c r="AE38" s="390" t="s">
        <v>57</v>
      </c>
      <c r="AF38" s="391"/>
      <c r="AG38" s="70"/>
      <c r="AH38" s="70"/>
      <c r="AI38" s="380" t="s">
        <v>58</v>
      </c>
      <c r="AJ38" s="381"/>
      <c r="AK38" s="380" t="s">
        <v>59</v>
      </c>
      <c r="AL38" s="386"/>
      <c r="AM38" s="386"/>
      <c r="AN38" s="381"/>
      <c r="AO38" s="77"/>
      <c r="AP38" s="72"/>
      <c r="AQ38" s="404"/>
      <c r="AR38" s="404"/>
      <c r="AS38" s="405"/>
      <c r="AT38" s="405"/>
      <c r="AU38" s="72"/>
      <c r="AV38" s="72"/>
      <c r="AW38" s="72"/>
      <c r="AX38" s="39"/>
      <c r="AY38" s="39"/>
      <c r="AZ38" s="39"/>
      <c r="BA38" s="39"/>
      <c r="BB38" s="39"/>
      <c r="BC38" s="39"/>
      <c r="BD38" s="39"/>
    </row>
    <row r="39" spans="1:56" ht="20.25" customHeight="1" x14ac:dyDescent="0.4">
      <c r="A39" s="39"/>
      <c r="B39" s="39"/>
      <c r="L39" s="74" t="s">
        <v>60</v>
      </c>
      <c r="M39" s="74"/>
      <c r="N39" s="384"/>
      <c r="O39" s="384"/>
      <c r="P39" s="70"/>
      <c r="Q39" s="70"/>
      <c r="R39" s="380" t="s">
        <v>58</v>
      </c>
      <c r="S39" s="381"/>
      <c r="T39" s="390">
        <f>SUMIFS($AU$13:$AV$30,$C$13:$D$30,"訪問介護員",$E$13:$F$30,"D")+SUMIFS($AU$13:$AV$30,$C$13:$D$30,"サービス提供責任者",$E$13:$F$30,"D")</f>
        <v>0</v>
      </c>
      <c r="U39" s="391"/>
      <c r="V39" s="392">
        <f>SUMIFS($AW$13:$AX$30,$C$13:$D$30,"訪問介護員",$E$13:$F$30,"D")+SUMIFS($AW$13:$AX$30,$C$13:$D$30,"サービス提供責任者",$E$13:$F$30,"D")</f>
        <v>0</v>
      </c>
      <c r="W39" s="393"/>
      <c r="X39" s="70"/>
      <c r="Y39" s="394">
        <v>0</v>
      </c>
      <c r="Z39" s="395"/>
      <c r="AA39" s="406">
        <v>0</v>
      </c>
      <c r="AB39" s="407"/>
      <c r="AC39" s="35"/>
      <c r="AD39" s="35"/>
      <c r="AE39" s="390" t="s">
        <v>57</v>
      </c>
      <c r="AF39" s="391"/>
      <c r="AG39" s="70"/>
      <c r="AH39" s="70"/>
      <c r="AI39" s="70"/>
      <c r="AJ39" s="403"/>
      <c r="AK39" s="403"/>
      <c r="AL39" s="404"/>
      <c r="AM39" s="404"/>
      <c r="AN39" s="405"/>
      <c r="AO39" s="405"/>
      <c r="AP39" s="72"/>
      <c r="AQ39" s="404"/>
      <c r="AR39" s="404"/>
      <c r="AS39" s="405"/>
      <c r="AT39" s="405"/>
      <c r="AU39" s="72"/>
      <c r="AV39" s="72"/>
      <c r="AW39" s="72"/>
      <c r="AX39" s="41"/>
      <c r="AY39" s="41"/>
      <c r="AZ39" s="39"/>
      <c r="BA39" s="39"/>
      <c r="BB39" s="39"/>
      <c r="BC39" s="39"/>
      <c r="BD39" s="39"/>
    </row>
    <row r="40" spans="1:56" ht="20.25" customHeight="1" x14ac:dyDescent="0.4">
      <c r="A40" s="39"/>
      <c r="B40" s="39"/>
      <c r="C40" s="35"/>
      <c r="D40" s="35"/>
      <c r="E40" s="35"/>
      <c r="F40" s="35"/>
      <c r="G40" s="35"/>
      <c r="H40" s="35"/>
      <c r="I40" s="35"/>
      <c r="J40" s="35"/>
      <c r="K40" s="35"/>
      <c r="L40" s="408">
        <f>L38/3</f>
        <v>0</v>
      </c>
      <c r="M40" s="408"/>
      <c r="N40" s="35"/>
      <c r="O40" s="35"/>
      <c r="P40" s="70"/>
      <c r="Q40" s="70"/>
      <c r="R40" s="380" t="s">
        <v>45</v>
      </c>
      <c r="S40" s="381"/>
      <c r="T40" s="390">
        <f>SUM(T36:U39)</f>
        <v>0</v>
      </c>
      <c r="U40" s="391"/>
      <c r="V40" s="392">
        <f>SUM(V36:W39)</f>
        <v>0</v>
      </c>
      <c r="W40" s="393"/>
      <c r="X40" s="70"/>
      <c r="Y40" s="390">
        <f>SUM(Y36:Z39)</f>
        <v>0</v>
      </c>
      <c r="Z40" s="391"/>
      <c r="AA40" s="424">
        <f>SUM(AA36:AB39)</f>
        <v>0</v>
      </c>
      <c r="AB40" s="425"/>
      <c r="AC40" s="35"/>
      <c r="AD40" s="35"/>
      <c r="AE40" s="390">
        <f>SUM(AE36:AF37)</f>
        <v>0</v>
      </c>
      <c r="AF40" s="391"/>
      <c r="AG40" s="70"/>
      <c r="AH40" s="70"/>
      <c r="AI40" s="70"/>
      <c r="AJ40" s="403"/>
      <c r="AK40" s="403"/>
      <c r="AL40" s="404"/>
      <c r="AM40" s="404"/>
      <c r="AN40" s="432"/>
      <c r="AO40" s="432"/>
      <c r="AP40" s="72"/>
      <c r="AQ40" s="404"/>
      <c r="AR40" s="404"/>
      <c r="AS40" s="405"/>
      <c r="AT40" s="405"/>
      <c r="AU40" s="72"/>
      <c r="AV40" s="72"/>
      <c r="AW40" s="72"/>
      <c r="AX40" s="41"/>
      <c r="AY40" s="41"/>
      <c r="AZ40" s="39"/>
      <c r="BA40" s="39"/>
      <c r="BB40" s="39"/>
      <c r="BC40" s="39"/>
      <c r="BD40" s="39"/>
    </row>
    <row r="41" spans="1:56" ht="20.25" customHeight="1" x14ac:dyDescent="0.4">
      <c r="A41" s="39"/>
      <c r="B41" s="39"/>
      <c r="C41" s="35"/>
      <c r="D41" s="35"/>
      <c r="E41" s="35"/>
      <c r="F41" s="35"/>
      <c r="G41" s="35"/>
      <c r="H41" s="35"/>
      <c r="I41" s="35"/>
      <c r="J41" s="35"/>
      <c r="K41" s="35"/>
      <c r="N41" s="35"/>
      <c r="O41" s="35"/>
      <c r="P41" s="70"/>
      <c r="Q41" s="70"/>
      <c r="R41" s="70"/>
      <c r="S41" s="70"/>
      <c r="T41" s="70"/>
      <c r="U41" s="70"/>
      <c r="V41" s="70"/>
      <c r="W41" s="70"/>
      <c r="X41" s="70"/>
      <c r="Y41" s="70"/>
      <c r="Z41" s="70"/>
      <c r="AA41" s="71"/>
      <c r="AB41" s="70"/>
      <c r="AC41" s="70"/>
      <c r="AD41" s="70"/>
      <c r="AE41" s="70"/>
      <c r="AF41" s="70"/>
      <c r="AG41" s="70"/>
      <c r="AH41" s="70"/>
      <c r="AI41" s="70"/>
      <c r="AJ41" s="72"/>
      <c r="AK41" s="72"/>
      <c r="AL41" s="72"/>
      <c r="AM41" s="72"/>
      <c r="AN41" s="72"/>
      <c r="AO41" s="72"/>
      <c r="AP41" s="72"/>
      <c r="AQ41" s="72"/>
      <c r="AR41" s="72"/>
      <c r="AS41" s="73"/>
      <c r="AT41" s="72"/>
      <c r="AU41" s="72"/>
      <c r="AV41" s="72"/>
      <c r="AW41" s="72"/>
      <c r="AX41" s="41"/>
      <c r="AY41" s="41"/>
      <c r="AZ41" s="39"/>
      <c r="BA41" s="39"/>
      <c r="BB41" s="39"/>
      <c r="BC41" s="39"/>
      <c r="BD41" s="39"/>
    </row>
    <row r="42" spans="1:56" ht="20.25" customHeight="1" x14ac:dyDescent="0.4">
      <c r="A42" s="39"/>
      <c r="B42" s="39"/>
      <c r="C42" s="35"/>
      <c r="D42" s="35"/>
      <c r="E42" s="35"/>
      <c r="F42" s="35"/>
      <c r="G42" s="35"/>
      <c r="H42" s="35"/>
      <c r="I42" s="35"/>
      <c r="J42" s="35"/>
      <c r="K42" s="35"/>
      <c r="L42" s="35"/>
      <c r="M42" s="35"/>
      <c r="N42" s="35"/>
      <c r="O42" s="35"/>
      <c r="P42" s="70"/>
      <c r="Q42" s="70"/>
      <c r="R42" s="71" t="s">
        <v>61</v>
      </c>
      <c r="S42" s="70"/>
      <c r="T42" s="70"/>
      <c r="U42" s="70"/>
      <c r="V42" s="70"/>
      <c r="W42" s="70"/>
      <c r="X42" s="78" t="s">
        <v>62</v>
      </c>
      <c r="Y42" s="430" t="s">
        <v>63</v>
      </c>
      <c r="Z42" s="431"/>
      <c r="AA42" s="79"/>
      <c r="AB42" s="78"/>
      <c r="AC42" s="70"/>
      <c r="AD42" s="70"/>
      <c r="AE42" s="70"/>
      <c r="AF42" s="70"/>
      <c r="AG42" s="70"/>
      <c r="AH42" s="70"/>
      <c r="AI42" s="70"/>
      <c r="AJ42" s="73"/>
      <c r="AK42" s="72"/>
      <c r="AL42" s="72"/>
      <c r="AM42" s="72"/>
      <c r="AN42" s="72"/>
      <c r="AO42" s="72"/>
      <c r="AP42" s="72"/>
      <c r="AQ42" s="72"/>
      <c r="AR42" s="72"/>
      <c r="AS42" s="80"/>
      <c r="AT42" s="80"/>
      <c r="AU42" s="72"/>
      <c r="AV42" s="72"/>
      <c r="AW42" s="72"/>
      <c r="AX42" s="41"/>
      <c r="AY42" s="41"/>
      <c r="AZ42" s="39"/>
      <c r="BA42" s="39"/>
      <c r="BB42" s="39"/>
      <c r="BC42" s="39"/>
      <c r="BD42" s="39"/>
    </row>
    <row r="43" spans="1:56" ht="20.25" customHeight="1" x14ac:dyDescent="0.2">
      <c r="A43" s="39"/>
      <c r="B43" s="39"/>
      <c r="C43" s="14"/>
      <c r="D43" s="69"/>
      <c r="E43" s="69"/>
      <c r="F43" s="70"/>
      <c r="G43" s="70"/>
      <c r="H43" s="70"/>
      <c r="I43" s="70"/>
      <c r="J43" s="70"/>
      <c r="K43" s="70"/>
      <c r="L43" s="81" t="s">
        <v>64</v>
      </c>
      <c r="M43" s="71"/>
      <c r="N43" s="71"/>
      <c r="O43" s="82"/>
      <c r="P43" s="70"/>
      <c r="Q43" s="70"/>
      <c r="R43" s="70" t="s">
        <v>65</v>
      </c>
      <c r="S43" s="70"/>
      <c r="T43" s="70"/>
      <c r="U43" s="70"/>
      <c r="V43" s="70"/>
      <c r="W43" s="70" t="s">
        <v>66</v>
      </c>
      <c r="X43" s="70"/>
      <c r="Y43" s="70"/>
      <c r="Z43" s="70"/>
      <c r="AA43" s="71"/>
      <c r="AB43" s="70"/>
      <c r="AC43" s="70"/>
      <c r="AD43" s="70"/>
      <c r="AE43" s="70"/>
      <c r="AF43" s="70"/>
      <c r="AG43" s="70"/>
      <c r="AH43" s="70"/>
      <c r="AI43" s="70"/>
      <c r="AJ43" s="72"/>
      <c r="AK43" s="72"/>
      <c r="AL43" s="72"/>
      <c r="AM43" s="72"/>
      <c r="AN43" s="72"/>
      <c r="AO43" s="72"/>
      <c r="AP43" s="72"/>
      <c r="AQ43" s="72"/>
      <c r="AR43" s="72"/>
      <c r="AS43" s="73"/>
      <c r="AT43" s="72"/>
      <c r="AU43" s="72"/>
      <c r="AV43" s="72"/>
      <c r="AW43" s="72"/>
      <c r="AX43" s="41"/>
      <c r="AY43" s="41"/>
      <c r="AZ43" s="39"/>
      <c r="BA43" s="39"/>
      <c r="BB43" s="39"/>
      <c r="BC43" s="39"/>
      <c r="BD43" s="39"/>
    </row>
    <row r="44" spans="1:56" ht="20.25" customHeight="1" x14ac:dyDescent="0.4">
      <c r="A44" s="39"/>
      <c r="B44" s="39"/>
      <c r="C44" s="83" t="s">
        <v>67</v>
      </c>
      <c r="D44" s="83"/>
      <c r="E44" s="70"/>
      <c r="F44" s="83" t="s">
        <v>68</v>
      </c>
      <c r="G44" s="83"/>
      <c r="H44" s="70"/>
      <c r="I44" s="84"/>
      <c r="J44" s="84"/>
      <c r="K44" s="70"/>
      <c r="L44" s="74" t="s">
        <v>69</v>
      </c>
      <c r="M44" s="74"/>
      <c r="N44" s="74"/>
      <c r="O44" s="70"/>
      <c r="P44" s="70"/>
      <c r="Q44" s="70"/>
      <c r="R44" s="70" t="str">
        <f>IF($Y$42="週","対象時間数（週平均）","対象時間数（当月合計）")</f>
        <v>対象時間数（週平均）</v>
      </c>
      <c r="S44" s="70"/>
      <c r="T44" s="70"/>
      <c r="U44" s="70"/>
      <c r="V44" s="70"/>
      <c r="W44" s="70" t="str">
        <f>IF($Y$42="週","週に勤務すべき時間数","当月に勤務すべき時間数")</f>
        <v>週に勤務すべき時間数</v>
      </c>
      <c r="X44" s="70"/>
      <c r="Y44" s="70"/>
      <c r="Z44" s="70"/>
      <c r="AA44" s="71"/>
      <c r="AB44" s="382" t="s">
        <v>70</v>
      </c>
      <c r="AC44" s="382"/>
      <c r="AD44" s="382"/>
      <c r="AE44" s="382"/>
      <c r="AF44" s="70"/>
      <c r="AG44" s="70"/>
      <c r="AH44" s="70"/>
      <c r="AI44" s="70"/>
      <c r="AJ44" s="72"/>
      <c r="AK44" s="72"/>
      <c r="AL44" s="72"/>
      <c r="AM44" s="72"/>
      <c r="AN44" s="72"/>
      <c r="AO44" s="72"/>
      <c r="AP44" s="72"/>
      <c r="AQ44" s="72"/>
      <c r="AR44" s="72"/>
      <c r="AS44" s="73"/>
      <c r="AT44" s="72"/>
      <c r="AU44" s="72"/>
      <c r="AV44" s="72"/>
      <c r="AW44" s="72"/>
      <c r="AX44" s="41"/>
      <c r="AY44" s="41"/>
      <c r="AZ44" s="39"/>
      <c r="BA44" s="39"/>
      <c r="BB44" s="39"/>
      <c r="BC44" s="39"/>
      <c r="BD44" s="39"/>
    </row>
    <row r="45" spans="1:56" ht="20.25" customHeight="1" x14ac:dyDescent="0.4">
      <c r="A45" s="39"/>
      <c r="B45" s="39"/>
      <c r="C45" s="409">
        <f>L40</f>
        <v>0</v>
      </c>
      <c r="D45" s="410"/>
      <c r="E45" s="74" t="s">
        <v>71</v>
      </c>
      <c r="F45" s="411">
        <v>40</v>
      </c>
      <c r="G45" s="412"/>
      <c r="H45" s="74" t="s">
        <v>72</v>
      </c>
      <c r="I45" s="413">
        <f>C45/F45</f>
        <v>0</v>
      </c>
      <c r="J45" s="414"/>
      <c r="K45" s="74" t="s">
        <v>73</v>
      </c>
      <c r="L45" s="415">
        <f>IF(C45&lt;40,1,ROUNDUP(I45,1))</f>
        <v>1</v>
      </c>
      <c r="M45" s="416"/>
      <c r="N45" s="417"/>
      <c r="O45" s="70"/>
      <c r="P45" s="70"/>
      <c r="Q45" s="70"/>
      <c r="R45" s="418">
        <f>IF($Y$42="週",AA40,Y40)</f>
        <v>0</v>
      </c>
      <c r="S45" s="419"/>
      <c r="T45" s="419"/>
      <c r="U45" s="420"/>
      <c r="V45" s="74" t="s">
        <v>71</v>
      </c>
      <c r="W45" s="380">
        <f>IF($Y$42="週",$AV$5,$AZ$5)</f>
        <v>40</v>
      </c>
      <c r="X45" s="386"/>
      <c r="Y45" s="386"/>
      <c r="Z45" s="381"/>
      <c r="AA45" s="74" t="s">
        <v>72</v>
      </c>
      <c r="AB45" s="421">
        <f>ROUNDDOWN(R45/W45,1)</f>
        <v>0</v>
      </c>
      <c r="AC45" s="422"/>
      <c r="AD45" s="422"/>
      <c r="AE45" s="423"/>
      <c r="AF45" s="70"/>
      <c r="AG45" s="70"/>
      <c r="AH45" s="70"/>
      <c r="AI45" s="70"/>
      <c r="AJ45" s="426"/>
      <c r="AK45" s="426"/>
      <c r="AL45" s="426"/>
      <c r="AM45" s="426"/>
      <c r="AN45" s="76"/>
      <c r="AO45" s="403"/>
      <c r="AP45" s="403"/>
      <c r="AQ45" s="403"/>
      <c r="AR45" s="403"/>
      <c r="AS45" s="76"/>
      <c r="AT45" s="374"/>
      <c r="AU45" s="374"/>
      <c r="AV45" s="374"/>
      <c r="AW45" s="374"/>
      <c r="AX45" s="41"/>
      <c r="AY45" s="41"/>
      <c r="AZ45" s="39"/>
      <c r="BA45" s="39"/>
      <c r="BB45" s="39"/>
      <c r="BC45" s="39"/>
      <c r="BD45" s="39"/>
    </row>
    <row r="46" spans="1:56" ht="20.25" customHeight="1" x14ac:dyDescent="0.4">
      <c r="A46" s="39"/>
      <c r="B46" s="39"/>
      <c r="C46" s="35"/>
      <c r="D46" s="70"/>
      <c r="E46" s="70"/>
      <c r="F46" s="70"/>
      <c r="G46" s="70"/>
      <c r="H46" s="70"/>
      <c r="I46" s="70"/>
      <c r="J46" s="70"/>
      <c r="K46" s="70"/>
      <c r="L46" s="70" t="s">
        <v>74</v>
      </c>
      <c r="M46" s="70"/>
      <c r="N46" s="70"/>
      <c r="O46" s="70"/>
      <c r="P46" s="70"/>
      <c r="Q46" s="70"/>
      <c r="R46" s="70"/>
      <c r="S46" s="70"/>
      <c r="T46" s="70"/>
      <c r="U46" s="70"/>
      <c r="V46" s="70"/>
      <c r="W46" s="70"/>
      <c r="X46" s="70"/>
      <c r="Y46" s="70"/>
      <c r="Z46" s="70"/>
      <c r="AA46" s="71"/>
      <c r="AB46" s="70" t="s">
        <v>75</v>
      </c>
      <c r="AC46" s="70"/>
      <c r="AD46" s="70"/>
      <c r="AE46" s="70"/>
      <c r="AF46" s="70"/>
      <c r="AG46" s="70"/>
      <c r="AH46" s="70"/>
      <c r="AI46" s="70"/>
      <c r="AJ46" s="72"/>
      <c r="AK46" s="72"/>
      <c r="AL46" s="72"/>
      <c r="AM46" s="72"/>
      <c r="AN46" s="72"/>
      <c r="AO46" s="72"/>
      <c r="AP46" s="72"/>
      <c r="AQ46" s="72"/>
      <c r="AR46" s="72"/>
      <c r="AS46" s="73"/>
      <c r="AT46" s="72"/>
      <c r="AU46" s="72"/>
      <c r="AV46" s="72"/>
      <c r="AW46" s="72"/>
      <c r="AX46" s="41"/>
      <c r="AY46" s="41"/>
      <c r="AZ46" s="39"/>
      <c r="BA46" s="39"/>
      <c r="BB46" s="39"/>
      <c r="BC46" s="39"/>
      <c r="BD46" s="39"/>
    </row>
    <row r="47" spans="1:56" ht="20.25" customHeight="1" x14ac:dyDescent="0.4">
      <c r="A47" s="39"/>
      <c r="B47" s="39"/>
      <c r="C47" s="35" t="s">
        <v>76</v>
      </c>
      <c r="D47" s="70"/>
      <c r="E47" s="70"/>
      <c r="F47" s="70"/>
      <c r="G47" s="70"/>
      <c r="H47" s="70"/>
      <c r="I47" s="70"/>
      <c r="J47" s="70"/>
      <c r="K47" s="70"/>
      <c r="L47" s="70"/>
      <c r="M47" s="70"/>
      <c r="N47" s="70"/>
      <c r="O47" s="70"/>
      <c r="P47" s="70"/>
      <c r="Q47" s="70"/>
      <c r="R47" s="70" t="s">
        <v>77</v>
      </c>
      <c r="S47" s="70"/>
      <c r="T47" s="70"/>
      <c r="U47" s="70"/>
      <c r="V47" s="70"/>
      <c r="W47" s="70"/>
      <c r="X47" s="70"/>
      <c r="Y47" s="70"/>
      <c r="Z47" s="70"/>
      <c r="AA47" s="71"/>
      <c r="AB47" s="70"/>
      <c r="AC47" s="70"/>
      <c r="AD47" s="70"/>
      <c r="AE47" s="70"/>
      <c r="AF47" s="70"/>
      <c r="AG47" s="70"/>
      <c r="AH47" s="70"/>
      <c r="AI47" s="70"/>
      <c r="AJ47" s="70"/>
      <c r="AK47" s="85"/>
      <c r="AL47" s="86"/>
      <c r="AM47" s="86"/>
      <c r="AN47" s="70"/>
      <c r="AO47" s="70"/>
      <c r="AP47" s="70"/>
      <c r="AQ47" s="70"/>
      <c r="AR47" s="70"/>
      <c r="AS47" s="70"/>
      <c r="AT47" s="70"/>
      <c r="AU47" s="70"/>
      <c r="AV47" s="35"/>
      <c r="AW47" s="35"/>
      <c r="AX47" s="41"/>
      <c r="AY47" s="41"/>
      <c r="AZ47" s="39"/>
      <c r="BA47" s="39"/>
      <c r="BB47" s="39"/>
      <c r="BC47" s="39"/>
      <c r="BD47" s="39"/>
    </row>
    <row r="48" spans="1:56" ht="20.25" customHeight="1" x14ac:dyDescent="0.4">
      <c r="A48" s="39"/>
      <c r="B48" s="39"/>
      <c r="C48" s="35"/>
      <c r="D48" s="70" t="s">
        <v>78</v>
      </c>
      <c r="E48" s="70"/>
      <c r="F48" s="70"/>
      <c r="G48" s="70"/>
      <c r="H48" s="70"/>
      <c r="I48" s="70"/>
      <c r="J48" s="70"/>
      <c r="K48" s="70"/>
      <c r="L48" s="70"/>
      <c r="M48" s="70"/>
      <c r="N48" s="70"/>
      <c r="O48" s="70"/>
      <c r="P48" s="70"/>
      <c r="Q48" s="70"/>
      <c r="R48" s="70" t="s">
        <v>42</v>
      </c>
      <c r="S48" s="70"/>
      <c r="T48" s="70"/>
      <c r="U48" s="70"/>
      <c r="V48" s="70"/>
      <c r="W48" s="70"/>
      <c r="X48" s="70"/>
      <c r="Y48" s="70"/>
      <c r="Z48" s="70"/>
      <c r="AA48" s="71"/>
      <c r="AB48" s="74"/>
      <c r="AC48" s="74"/>
      <c r="AD48" s="74"/>
      <c r="AE48" s="74"/>
      <c r="AF48" s="70"/>
      <c r="AG48" s="70"/>
      <c r="AH48" s="70"/>
      <c r="AI48" s="70"/>
      <c r="AJ48" s="70"/>
      <c r="AK48" s="85"/>
      <c r="AL48" s="86"/>
      <c r="AM48" s="86"/>
      <c r="AN48" s="70"/>
      <c r="AO48" s="70"/>
      <c r="AP48" s="70"/>
      <c r="AQ48" s="70"/>
      <c r="AR48" s="70"/>
      <c r="AS48" s="70"/>
      <c r="AT48" s="70"/>
      <c r="AU48" s="70"/>
      <c r="AV48" s="35"/>
      <c r="AW48" s="35"/>
      <c r="AX48" s="41"/>
      <c r="AY48" s="41"/>
      <c r="AZ48" s="39"/>
      <c r="BA48" s="39"/>
      <c r="BB48" s="39"/>
      <c r="BC48" s="39"/>
      <c r="BD48" s="39"/>
    </row>
    <row r="49" spans="1:58" ht="20.25" customHeight="1" x14ac:dyDescent="0.4">
      <c r="A49" s="39"/>
      <c r="B49" s="39"/>
      <c r="C49" s="35" t="s">
        <v>79</v>
      </c>
      <c r="D49" s="70"/>
      <c r="E49" s="70"/>
      <c r="F49" s="70"/>
      <c r="G49" s="70"/>
      <c r="H49" s="70"/>
      <c r="I49" s="70"/>
      <c r="J49" s="70"/>
      <c r="K49" s="70"/>
      <c r="L49" s="70"/>
      <c r="M49" s="70"/>
      <c r="N49" s="70"/>
      <c r="O49" s="70"/>
      <c r="P49" s="70"/>
      <c r="Q49" s="70"/>
      <c r="R49" s="35" t="s">
        <v>80</v>
      </c>
      <c r="S49" s="35"/>
      <c r="T49" s="35"/>
      <c r="U49" s="35"/>
      <c r="V49" s="35"/>
      <c r="W49" s="70" t="s">
        <v>81</v>
      </c>
      <c r="X49" s="35"/>
      <c r="Y49" s="35"/>
      <c r="Z49" s="35"/>
      <c r="AA49" s="35"/>
      <c r="AB49" s="382" t="s">
        <v>45</v>
      </c>
      <c r="AC49" s="382"/>
      <c r="AD49" s="382"/>
      <c r="AE49" s="382"/>
      <c r="AF49" s="70"/>
      <c r="AG49" s="70"/>
      <c r="AH49" s="70"/>
      <c r="AI49" s="70"/>
      <c r="AJ49" s="70"/>
      <c r="AK49" s="85"/>
      <c r="AL49" s="86"/>
      <c r="AM49" s="86"/>
      <c r="AN49" s="70"/>
      <c r="AO49" s="70"/>
      <c r="AP49" s="70"/>
      <c r="AQ49" s="70"/>
      <c r="AR49" s="70"/>
      <c r="AS49" s="70"/>
      <c r="AT49" s="70"/>
      <c r="AU49" s="70"/>
      <c r="AV49" s="35"/>
      <c r="AW49" s="35"/>
      <c r="AX49" s="41"/>
      <c r="AY49" s="41"/>
      <c r="AZ49" s="39"/>
      <c r="BA49" s="39"/>
      <c r="BB49" s="39"/>
      <c r="BC49" s="39"/>
      <c r="BD49" s="39"/>
    </row>
    <row r="50" spans="1:58" ht="20.25" customHeight="1" x14ac:dyDescent="0.4">
      <c r="A50" s="39"/>
      <c r="B50" s="39"/>
      <c r="C50" s="35" t="s">
        <v>82</v>
      </c>
      <c r="D50" s="70"/>
      <c r="E50" s="70"/>
      <c r="F50" s="70"/>
      <c r="G50" s="70"/>
      <c r="H50" s="70"/>
      <c r="I50" s="70"/>
      <c r="J50" s="70"/>
      <c r="K50" s="70"/>
      <c r="L50" s="70"/>
      <c r="M50" s="70"/>
      <c r="N50" s="70"/>
      <c r="O50" s="70"/>
      <c r="P50" s="70"/>
      <c r="Q50" s="70"/>
      <c r="R50" s="418">
        <f>AE40</f>
        <v>0</v>
      </c>
      <c r="S50" s="419"/>
      <c r="T50" s="419"/>
      <c r="U50" s="420"/>
      <c r="V50" s="74" t="s">
        <v>83</v>
      </c>
      <c r="W50" s="421">
        <f>AB45</f>
        <v>0</v>
      </c>
      <c r="X50" s="422"/>
      <c r="Y50" s="422"/>
      <c r="Z50" s="423"/>
      <c r="AA50" s="74" t="s">
        <v>72</v>
      </c>
      <c r="AB50" s="427">
        <f>ROUNDDOWN(R50+W50,1)</f>
        <v>0</v>
      </c>
      <c r="AC50" s="428"/>
      <c r="AD50" s="428"/>
      <c r="AE50" s="429"/>
      <c r="AF50" s="70"/>
      <c r="AG50" s="70"/>
      <c r="AH50" s="70"/>
      <c r="AI50" s="70"/>
      <c r="AJ50" s="70"/>
      <c r="AK50" s="85"/>
      <c r="AL50" s="86"/>
      <c r="AM50" s="86"/>
      <c r="AN50" s="70"/>
      <c r="AO50" s="70"/>
      <c r="AP50" s="70"/>
      <c r="AQ50" s="70"/>
      <c r="AR50" s="70"/>
      <c r="AS50" s="70"/>
      <c r="AT50" s="70"/>
      <c r="AU50" s="70"/>
      <c r="AV50" s="35"/>
      <c r="AW50" s="35"/>
      <c r="AX50" s="41"/>
      <c r="AY50" s="41"/>
      <c r="AZ50" s="39"/>
      <c r="BA50" s="39"/>
      <c r="BB50" s="39"/>
      <c r="BC50" s="39"/>
      <c r="BD50" s="39"/>
    </row>
    <row r="51" spans="1:58" ht="20.25" customHeight="1" x14ac:dyDescent="0.4">
      <c r="A51" s="39"/>
      <c r="B51" s="39"/>
      <c r="C51" s="35" t="s">
        <v>84</v>
      </c>
      <c r="D51" s="69"/>
      <c r="E51" s="69"/>
      <c r="F51" s="35"/>
      <c r="G51" s="70"/>
      <c r="H51" s="70"/>
      <c r="I51" s="70"/>
      <c r="J51" s="70"/>
      <c r="K51" s="70"/>
      <c r="L51" s="70"/>
      <c r="M51" s="70"/>
      <c r="N51" s="70"/>
      <c r="O51" s="70"/>
      <c r="P51" s="70"/>
      <c r="Q51" s="70"/>
      <c r="R51" s="70"/>
      <c r="S51" s="70"/>
      <c r="T51" s="70"/>
      <c r="U51" s="70"/>
      <c r="V51" s="70"/>
      <c r="W51" s="70"/>
      <c r="X51" s="70"/>
      <c r="Y51" s="70"/>
      <c r="Z51" s="70"/>
      <c r="AA51" s="70"/>
      <c r="AB51" s="70"/>
      <c r="AC51" s="71"/>
      <c r="AD51" s="70"/>
      <c r="AE51" s="70"/>
      <c r="AF51" s="70"/>
      <c r="AG51" s="70"/>
      <c r="AH51" s="70"/>
      <c r="AI51" s="70"/>
      <c r="AJ51" s="70"/>
      <c r="AK51" s="85"/>
      <c r="AL51" s="86"/>
      <c r="AM51" s="86"/>
      <c r="AN51" s="70"/>
      <c r="AO51" s="70"/>
      <c r="AP51" s="70"/>
      <c r="AQ51" s="70"/>
      <c r="AR51" s="70"/>
      <c r="AS51" s="70"/>
      <c r="AT51" s="70"/>
      <c r="AU51" s="70"/>
      <c r="AV51" s="35"/>
      <c r="AW51" s="35"/>
      <c r="AX51" s="39"/>
      <c r="AY51" s="39"/>
      <c r="AZ51" s="39"/>
      <c r="BA51" s="39"/>
      <c r="BB51" s="39"/>
      <c r="BC51" s="39"/>
      <c r="BD51" s="39"/>
    </row>
    <row r="52" spans="1:58" ht="20.25" customHeight="1" x14ac:dyDescent="0.4">
      <c r="C52" s="87"/>
      <c r="D52" s="87"/>
      <c r="E52" s="88"/>
      <c r="F52" s="88"/>
      <c r="G52" s="88"/>
      <c r="H52" s="88"/>
      <c r="I52" s="88"/>
      <c r="J52" s="88"/>
      <c r="K52" s="88"/>
      <c r="L52" s="88"/>
      <c r="M52" s="88"/>
      <c r="N52" s="88"/>
      <c r="O52" s="88"/>
      <c r="P52" s="88"/>
      <c r="Q52" s="88"/>
      <c r="R52" s="88"/>
      <c r="S52" s="88"/>
      <c r="T52" s="87"/>
      <c r="U52" s="88"/>
      <c r="V52" s="88"/>
      <c r="W52" s="88"/>
      <c r="X52" s="88"/>
      <c r="Y52" s="88"/>
      <c r="Z52" s="88"/>
      <c r="AA52" s="88"/>
      <c r="AB52" s="88"/>
      <c r="AC52" s="88"/>
      <c r="AD52" s="88"/>
      <c r="AE52" s="88"/>
      <c r="AF52" s="88"/>
      <c r="AJ52" s="89"/>
      <c r="AK52" s="90"/>
      <c r="AL52" s="90"/>
      <c r="AM52" s="88"/>
      <c r="AN52" s="88"/>
      <c r="AO52" s="88"/>
      <c r="AP52" s="88"/>
      <c r="AQ52" s="88"/>
      <c r="AR52" s="88"/>
      <c r="AS52" s="88"/>
      <c r="AT52" s="88"/>
      <c r="AU52" s="88"/>
      <c r="AV52" s="88"/>
      <c r="AW52" s="88"/>
      <c r="AX52" s="88"/>
      <c r="AY52" s="88"/>
      <c r="AZ52" s="88"/>
      <c r="BA52" s="88"/>
      <c r="BB52" s="88"/>
      <c r="BC52" s="88"/>
      <c r="BD52" s="88"/>
      <c r="BE52" s="90"/>
    </row>
    <row r="53" spans="1:58" ht="20.25" customHeight="1" x14ac:dyDescent="0.4">
      <c r="A53" s="88"/>
      <c r="B53" s="88"/>
      <c r="C53" s="87"/>
      <c r="D53" s="87"/>
      <c r="E53" s="88"/>
      <c r="F53" s="88"/>
      <c r="G53" s="88"/>
      <c r="H53" s="88"/>
      <c r="I53" s="88"/>
      <c r="J53" s="88"/>
      <c r="K53" s="88"/>
      <c r="L53" s="88"/>
      <c r="M53" s="88"/>
      <c r="N53" s="88"/>
      <c r="O53" s="88"/>
      <c r="P53" s="88"/>
      <c r="Q53" s="88"/>
      <c r="R53" s="88"/>
      <c r="S53" s="88"/>
      <c r="T53" s="88"/>
      <c r="U53" s="87"/>
      <c r="V53" s="88"/>
      <c r="W53" s="88"/>
      <c r="X53" s="88"/>
      <c r="Y53" s="88"/>
      <c r="Z53" s="88"/>
      <c r="AA53" s="88"/>
      <c r="AB53" s="88"/>
      <c r="AC53" s="88"/>
      <c r="AD53" s="88"/>
      <c r="AE53" s="88"/>
      <c r="AF53" s="88"/>
      <c r="AG53" s="88"/>
      <c r="AK53" s="89"/>
      <c r="AL53" s="90"/>
      <c r="AM53" s="90"/>
      <c r="AN53" s="88"/>
      <c r="AO53" s="88"/>
      <c r="AP53" s="88"/>
      <c r="AQ53" s="88"/>
      <c r="AR53" s="88"/>
      <c r="AS53" s="88"/>
      <c r="AT53" s="88"/>
      <c r="AU53" s="88"/>
      <c r="AV53" s="88"/>
      <c r="AW53" s="88"/>
      <c r="AX53" s="88"/>
      <c r="AY53" s="88"/>
      <c r="AZ53" s="88"/>
      <c r="BA53" s="88"/>
      <c r="BB53" s="88"/>
      <c r="BC53" s="88"/>
      <c r="BD53" s="88"/>
      <c r="BE53" s="88"/>
      <c r="BF53" s="90"/>
    </row>
    <row r="54" spans="1:58" ht="20.25" customHeight="1" x14ac:dyDescent="0.4">
      <c r="A54" s="88"/>
      <c r="B54" s="88"/>
      <c r="C54" s="88"/>
      <c r="D54" s="87"/>
      <c r="E54" s="88"/>
      <c r="F54" s="88"/>
      <c r="G54" s="88"/>
      <c r="H54" s="88"/>
      <c r="I54" s="88"/>
      <c r="J54" s="88"/>
      <c r="K54" s="88"/>
      <c r="L54" s="88"/>
      <c r="M54" s="88"/>
      <c r="N54" s="88"/>
      <c r="O54" s="88"/>
      <c r="P54" s="88"/>
      <c r="Q54" s="88"/>
      <c r="R54" s="88"/>
      <c r="S54" s="88"/>
      <c r="T54" s="88"/>
      <c r="U54" s="87"/>
      <c r="V54" s="88"/>
      <c r="W54" s="88"/>
      <c r="X54" s="88"/>
      <c r="Y54" s="88"/>
      <c r="Z54" s="88"/>
      <c r="AA54" s="88"/>
      <c r="AB54" s="88"/>
      <c r="AC54" s="88"/>
      <c r="AD54" s="88"/>
      <c r="AE54" s="88"/>
      <c r="AF54" s="88"/>
      <c r="AG54" s="88"/>
      <c r="AK54" s="89"/>
      <c r="AL54" s="90"/>
      <c r="AM54" s="90"/>
      <c r="AN54" s="88"/>
      <c r="AO54" s="88"/>
      <c r="AP54" s="88"/>
      <c r="AQ54" s="88"/>
      <c r="AR54" s="88"/>
      <c r="AS54" s="88"/>
      <c r="AT54" s="88"/>
      <c r="AU54" s="88"/>
      <c r="AV54" s="88"/>
      <c r="AW54" s="88"/>
      <c r="AX54" s="88"/>
      <c r="AY54" s="88"/>
      <c r="AZ54" s="88"/>
      <c r="BA54" s="88"/>
      <c r="BB54" s="88"/>
      <c r="BC54" s="88"/>
      <c r="BD54" s="88"/>
      <c r="BE54" s="88"/>
      <c r="BF54" s="90"/>
    </row>
    <row r="55" spans="1:58" ht="20.25" customHeight="1" x14ac:dyDescent="0.4">
      <c r="A55" s="88"/>
      <c r="B55" s="88"/>
      <c r="C55" s="87"/>
      <c r="D55" s="87"/>
      <c r="E55" s="88"/>
      <c r="F55" s="88"/>
      <c r="G55" s="88"/>
      <c r="H55" s="88"/>
      <c r="I55" s="88"/>
      <c r="J55" s="88"/>
      <c r="K55" s="88"/>
      <c r="L55" s="88"/>
      <c r="M55" s="88"/>
      <c r="N55" s="88"/>
      <c r="O55" s="88"/>
      <c r="P55" s="88"/>
      <c r="Q55" s="88"/>
      <c r="R55" s="88"/>
      <c r="S55" s="88"/>
      <c r="T55" s="88"/>
      <c r="U55" s="87"/>
      <c r="V55" s="88"/>
      <c r="W55" s="88"/>
      <c r="X55" s="88"/>
      <c r="Y55" s="88"/>
      <c r="Z55" s="88"/>
      <c r="AA55" s="88"/>
      <c r="AB55" s="88"/>
      <c r="AC55" s="88"/>
      <c r="AD55" s="88"/>
      <c r="AE55" s="88"/>
      <c r="AF55" s="88"/>
      <c r="AG55" s="88"/>
      <c r="AK55" s="89"/>
      <c r="AL55" s="90"/>
      <c r="AM55" s="90"/>
      <c r="AN55" s="88"/>
      <c r="AO55" s="88"/>
      <c r="AP55" s="88"/>
      <c r="AQ55" s="88"/>
      <c r="AR55" s="88"/>
      <c r="AS55" s="88"/>
      <c r="AT55" s="88"/>
      <c r="AU55" s="88"/>
      <c r="AV55" s="88"/>
      <c r="AW55" s="88"/>
      <c r="AX55" s="88"/>
      <c r="AY55" s="88"/>
      <c r="AZ55" s="88"/>
      <c r="BA55" s="88"/>
      <c r="BB55" s="88"/>
      <c r="BC55" s="88"/>
      <c r="BD55" s="88"/>
      <c r="BE55" s="88"/>
      <c r="BF55" s="90"/>
    </row>
    <row r="56" spans="1:58" ht="20.25" customHeight="1" x14ac:dyDescent="0.4">
      <c r="C56" s="89"/>
      <c r="D56" s="89"/>
      <c r="E56" s="89"/>
      <c r="F56" s="89"/>
      <c r="G56" s="89"/>
      <c r="H56" s="89"/>
      <c r="I56" s="89"/>
      <c r="J56" s="89"/>
      <c r="K56" s="89"/>
      <c r="L56" s="89"/>
      <c r="M56" s="89"/>
      <c r="N56" s="89"/>
      <c r="O56" s="89"/>
      <c r="P56" s="89"/>
      <c r="Q56" s="89"/>
      <c r="R56" s="89"/>
      <c r="S56" s="89"/>
      <c r="T56" s="89"/>
      <c r="U56" s="90"/>
      <c r="V56" s="90"/>
      <c r="W56" s="89"/>
      <c r="X56" s="89"/>
      <c r="Y56" s="89"/>
      <c r="Z56" s="89"/>
      <c r="AA56" s="89"/>
      <c r="AB56" s="89"/>
      <c r="AC56" s="89"/>
      <c r="AD56" s="89"/>
      <c r="AE56" s="89"/>
      <c r="AF56" s="89"/>
      <c r="AG56" s="89"/>
      <c r="AH56" s="89"/>
      <c r="AI56" s="89"/>
      <c r="AJ56" s="89"/>
      <c r="AK56" s="89"/>
      <c r="AL56" s="90"/>
      <c r="AM56" s="90"/>
      <c r="AN56" s="88"/>
      <c r="AO56" s="88"/>
      <c r="AP56" s="88"/>
      <c r="AQ56" s="88"/>
      <c r="AR56" s="88"/>
      <c r="AS56" s="88"/>
      <c r="AT56" s="88"/>
      <c r="AU56" s="88"/>
      <c r="AV56" s="88"/>
      <c r="AW56" s="88"/>
      <c r="AX56" s="88"/>
      <c r="AY56" s="88"/>
      <c r="AZ56" s="88"/>
      <c r="BA56" s="88"/>
      <c r="BB56" s="88"/>
      <c r="BC56" s="88"/>
      <c r="BD56" s="88"/>
      <c r="BE56" s="88"/>
      <c r="BF56" s="90"/>
    </row>
    <row r="57" spans="1:58" ht="20.25" customHeight="1" x14ac:dyDescent="0.4">
      <c r="C57" s="89"/>
      <c r="D57" s="89"/>
      <c r="E57" s="89"/>
      <c r="F57" s="89"/>
      <c r="G57" s="89"/>
      <c r="H57" s="89"/>
      <c r="I57" s="89"/>
      <c r="J57" s="89"/>
      <c r="K57" s="89"/>
      <c r="L57" s="89"/>
      <c r="M57" s="89"/>
      <c r="N57" s="89"/>
      <c r="O57" s="89"/>
      <c r="P57" s="89"/>
      <c r="Q57" s="89"/>
      <c r="R57" s="89"/>
      <c r="S57" s="89"/>
      <c r="T57" s="89"/>
      <c r="U57" s="90"/>
      <c r="V57" s="90"/>
      <c r="W57" s="89"/>
      <c r="X57" s="89"/>
      <c r="Y57" s="89"/>
      <c r="Z57" s="89"/>
      <c r="AA57" s="89"/>
      <c r="AB57" s="89"/>
      <c r="AC57" s="89"/>
      <c r="AD57" s="89"/>
      <c r="AE57" s="89"/>
      <c r="AF57" s="89"/>
      <c r="AG57" s="89"/>
      <c r="AH57" s="89"/>
      <c r="AI57" s="89"/>
      <c r="AJ57" s="89"/>
      <c r="AK57" s="89"/>
      <c r="AL57" s="90"/>
      <c r="AM57" s="90"/>
      <c r="AN57" s="88"/>
      <c r="AO57" s="88"/>
      <c r="AP57" s="88"/>
      <c r="AQ57" s="88"/>
      <c r="AR57" s="88"/>
      <c r="AS57" s="88"/>
      <c r="AT57" s="88"/>
      <c r="AU57" s="88"/>
      <c r="AV57" s="88"/>
      <c r="AW57" s="88"/>
      <c r="AX57" s="88"/>
      <c r="AY57" s="88"/>
      <c r="AZ57" s="88"/>
      <c r="BA57" s="88"/>
      <c r="BB57" s="88"/>
      <c r="BC57" s="88"/>
      <c r="BD57" s="88"/>
      <c r="BE57" s="88"/>
      <c r="BF57" s="90"/>
    </row>
  </sheetData>
  <sheetProtection insertRows="0"/>
  <mergeCells count="253">
    <mergeCell ref="AB45:AE45"/>
    <mergeCell ref="AA40:AB40"/>
    <mergeCell ref="AE40:AF40"/>
    <mergeCell ref="AJ45:AM45"/>
    <mergeCell ref="AO45:AR45"/>
    <mergeCell ref="AT45:AW45"/>
    <mergeCell ref="AB49:AE49"/>
    <mergeCell ref="R50:U50"/>
    <mergeCell ref="W50:Z50"/>
    <mergeCell ref="AB50:AE50"/>
    <mergeCell ref="AS40:AT40"/>
    <mergeCell ref="Y42:Z42"/>
    <mergeCell ref="AB44:AE44"/>
    <mergeCell ref="AJ40:AK40"/>
    <mergeCell ref="AL40:AM40"/>
    <mergeCell ref="AN40:AO40"/>
    <mergeCell ref="AQ40:AR40"/>
    <mergeCell ref="L40:M40"/>
    <mergeCell ref="R40:S40"/>
    <mergeCell ref="T40:U40"/>
    <mergeCell ref="V40:W40"/>
    <mergeCell ref="Y40:Z40"/>
    <mergeCell ref="C45:D45"/>
    <mergeCell ref="F45:G45"/>
    <mergeCell ref="I45:J45"/>
    <mergeCell ref="L45:N45"/>
    <mergeCell ref="R45:U45"/>
    <mergeCell ref="W45:Z45"/>
    <mergeCell ref="AK38:AN38"/>
    <mergeCell ref="AQ38:AR38"/>
    <mergeCell ref="AS38:AT38"/>
    <mergeCell ref="N39:O39"/>
    <mergeCell ref="R39:S39"/>
    <mergeCell ref="T39:U39"/>
    <mergeCell ref="V39:W39"/>
    <mergeCell ref="Y39:Z39"/>
    <mergeCell ref="AA39:AB39"/>
    <mergeCell ref="AE39:AF39"/>
    <mergeCell ref="T38:U38"/>
    <mergeCell ref="V38:W38"/>
    <mergeCell ref="Y38:Z38"/>
    <mergeCell ref="AA38:AB38"/>
    <mergeCell ref="AE38:AF38"/>
    <mergeCell ref="AI38:AJ38"/>
    <mergeCell ref="AJ39:AK39"/>
    <mergeCell ref="AL39:AM39"/>
    <mergeCell ref="AN39:AO39"/>
    <mergeCell ref="AQ39:AR39"/>
    <mergeCell ref="AS39:AT39"/>
    <mergeCell ref="C38:E38"/>
    <mergeCell ref="F38:G38"/>
    <mergeCell ref="H38:I38"/>
    <mergeCell ref="J38:K38"/>
    <mergeCell ref="L38:M38"/>
    <mergeCell ref="R38:S38"/>
    <mergeCell ref="R37:S37"/>
    <mergeCell ref="T37:U37"/>
    <mergeCell ref="V37:W37"/>
    <mergeCell ref="AA36:AB36"/>
    <mergeCell ref="AE36:AF36"/>
    <mergeCell ref="AI36:AJ36"/>
    <mergeCell ref="AK36:AN36"/>
    <mergeCell ref="AQ36:AT36"/>
    <mergeCell ref="C37:E37"/>
    <mergeCell ref="F37:G37"/>
    <mergeCell ref="H37:I37"/>
    <mergeCell ref="J37:K37"/>
    <mergeCell ref="L37:M37"/>
    <mergeCell ref="AI37:AJ37"/>
    <mergeCell ref="AK37:AN37"/>
    <mergeCell ref="AQ37:AR37"/>
    <mergeCell ref="AS37:AT37"/>
    <mergeCell ref="Y37:Z37"/>
    <mergeCell ref="AA37:AB37"/>
    <mergeCell ref="AE37:AF37"/>
    <mergeCell ref="C36:E36"/>
    <mergeCell ref="F36:G36"/>
    <mergeCell ref="H36:I36"/>
    <mergeCell ref="J36:K36"/>
    <mergeCell ref="L36:M36"/>
    <mergeCell ref="R36:S36"/>
    <mergeCell ref="T36:U36"/>
    <mergeCell ref="V36:W36"/>
    <mergeCell ref="Y36:Z36"/>
    <mergeCell ref="AS34:AT34"/>
    <mergeCell ref="C35:E35"/>
    <mergeCell ref="F35:G35"/>
    <mergeCell ref="H35:I35"/>
    <mergeCell ref="J35:K35"/>
    <mergeCell ref="L35:M35"/>
    <mergeCell ref="T35:U35"/>
    <mergeCell ref="V35:W35"/>
    <mergeCell ref="Y35:Z35"/>
    <mergeCell ref="AA35:AB35"/>
    <mergeCell ref="L34:M34"/>
    <mergeCell ref="R34:S35"/>
    <mergeCell ref="T34:W34"/>
    <mergeCell ref="Y34:AB34"/>
    <mergeCell ref="AI34:AJ34"/>
    <mergeCell ref="AK34:AN34"/>
    <mergeCell ref="AI35:AJ35"/>
    <mergeCell ref="AK35:AN35"/>
    <mergeCell ref="AS35:AT35"/>
    <mergeCell ref="AY29:BD29"/>
    <mergeCell ref="C30:D30"/>
    <mergeCell ref="E30:F30"/>
    <mergeCell ref="G30:K30"/>
    <mergeCell ref="L30:O30"/>
    <mergeCell ref="AU30:AV30"/>
    <mergeCell ref="AW30:AX30"/>
    <mergeCell ref="AY30:BD30"/>
    <mergeCell ref="C29:D29"/>
    <mergeCell ref="E29:F29"/>
    <mergeCell ref="G29:K29"/>
    <mergeCell ref="L29:O29"/>
    <mergeCell ref="AU29:AV29"/>
    <mergeCell ref="AW29:AX29"/>
    <mergeCell ref="AY27:BD27"/>
    <mergeCell ref="C28:D28"/>
    <mergeCell ref="E28:F28"/>
    <mergeCell ref="G28:K28"/>
    <mergeCell ref="L28:O28"/>
    <mergeCell ref="AU28:AV28"/>
    <mergeCell ref="AW28:AX28"/>
    <mergeCell ref="AY28:BD28"/>
    <mergeCell ref="C27:D27"/>
    <mergeCell ref="E27:F27"/>
    <mergeCell ref="G27:K27"/>
    <mergeCell ref="L27:O27"/>
    <mergeCell ref="AU27:AV27"/>
    <mergeCell ref="AW27:AX27"/>
    <mergeCell ref="AY25:BD25"/>
    <mergeCell ref="C26:D26"/>
    <mergeCell ref="E26:F26"/>
    <mergeCell ref="G26:K26"/>
    <mergeCell ref="L26:O26"/>
    <mergeCell ref="AU26:AV26"/>
    <mergeCell ref="AW26:AX26"/>
    <mergeCell ref="AY26:BD26"/>
    <mergeCell ref="C25:D25"/>
    <mergeCell ref="E25:F25"/>
    <mergeCell ref="G25:K25"/>
    <mergeCell ref="L25:O25"/>
    <mergeCell ref="AU25:AV25"/>
    <mergeCell ref="AW25:AX25"/>
    <mergeCell ref="AY23:BD23"/>
    <mergeCell ref="C24:D24"/>
    <mergeCell ref="E24:F24"/>
    <mergeCell ref="G24:K24"/>
    <mergeCell ref="L24:O24"/>
    <mergeCell ref="AU24:AV24"/>
    <mergeCell ref="AW24:AX24"/>
    <mergeCell ref="AY24:BD24"/>
    <mergeCell ref="C23:D23"/>
    <mergeCell ref="E23:F23"/>
    <mergeCell ref="G23:K23"/>
    <mergeCell ref="L23:O23"/>
    <mergeCell ref="AU23:AV23"/>
    <mergeCell ref="AW23:AX23"/>
    <mergeCell ref="AY21:BD21"/>
    <mergeCell ref="C22:D22"/>
    <mergeCell ref="E22:F22"/>
    <mergeCell ref="G22:K22"/>
    <mergeCell ref="L22:O22"/>
    <mergeCell ref="AU22:AV22"/>
    <mergeCell ref="AW22:AX22"/>
    <mergeCell ref="AY22:BD22"/>
    <mergeCell ref="C21:D21"/>
    <mergeCell ref="E21:F21"/>
    <mergeCell ref="G21:K21"/>
    <mergeCell ref="L21:O21"/>
    <mergeCell ref="AU21:AV21"/>
    <mergeCell ref="AW21:AX21"/>
    <mergeCell ref="AY19:BD19"/>
    <mergeCell ref="C20:D20"/>
    <mergeCell ref="E20:F20"/>
    <mergeCell ref="G20:K20"/>
    <mergeCell ref="L20:O20"/>
    <mergeCell ref="AU20:AV20"/>
    <mergeCell ref="AW20:AX20"/>
    <mergeCell ref="AY20:BD20"/>
    <mergeCell ref="C19:D19"/>
    <mergeCell ref="E19:F19"/>
    <mergeCell ref="G19:K19"/>
    <mergeCell ref="L19:O19"/>
    <mergeCell ref="AU19:AV19"/>
    <mergeCell ref="AW19:AX19"/>
    <mergeCell ref="AY17:BD17"/>
    <mergeCell ref="C18:D18"/>
    <mergeCell ref="E18:F18"/>
    <mergeCell ref="G18:K18"/>
    <mergeCell ref="L18:O18"/>
    <mergeCell ref="AU18:AV18"/>
    <mergeCell ref="AW18:AX18"/>
    <mergeCell ref="AY18:BD18"/>
    <mergeCell ref="C17:D17"/>
    <mergeCell ref="E17:F17"/>
    <mergeCell ref="G17:K17"/>
    <mergeCell ref="L17:O17"/>
    <mergeCell ref="AU17:AV17"/>
    <mergeCell ref="AW17:AX17"/>
    <mergeCell ref="AY15:BD15"/>
    <mergeCell ref="C16:D16"/>
    <mergeCell ref="E16:F16"/>
    <mergeCell ref="G16:K16"/>
    <mergeCell ref="L16:O16"/>
    <mergeCell ref="AU16:AV16"/>
    <mergeCell ref="AW16:AX16"/>
    <mergeCell ref="AY16:BD16"/>
    <mergeCell ref="C15:D15"/>
    <mergeCell ref="E15:F15"/>
    <mergeCell ref="G15:K15"/>
    <mergeCell ref="L15:O15"/>
    <mergeCell ref="AU15:AV15"/>
    <mergeCell ref="AW15:AX15"/>
    <mergeCell ref="AY13:BD13"/>
    <mergeCell ref="C14:D14"/>
    <mergeCell ref="E14:F14"/>
    <mergeCell ref="G14:K14"/>
    <mergeCell ref="L14:O14"/>
    <mergeCell ref="AU14:AV14"/>
    <mergeCell ref="AW14:AX14"/>
    <mergeCell ref="AY14:BD14"/>
    <mergeCell ref="C13:D13"/>
    <mergeCell ref="E13:F13"/>
    <mergeCell ref="G13:K13"/>
    <mergeCell ref="L13:O13"/>
    <mergeCell ref="AU13:AV13"/>
    <mergeCell ref="AW13:AX13"/>
    <mergeCell ref="B8:B12"/>
    <mergeCell ref="C8:D12"/>
    <mergeCell ref="E8:F12"/>
    <mergeCell ref="G8:K12"/>
    <mergeCell ref="L8:O12"/>
    <mergeCell ref="P8:AT8"/>
    <mergeCell ref="AM1:BA1"/>
    <mergeCell ref="U2:V2"/>
    <mergeCell ref="X2:Y2"/>
    <mergeCell ref="AB2:AC2"/>
    <mergeCell ref="AM2:BA2"/>
    <mergeCell ref="AZ3:BC3"/>
    <mergeCell ref="AU8:AV12"/>
    <mergeCell ref="AW8:AX12"/>
    <mergeCell ref="AY8:BD12"/>
    <mergeCell ref="P9:V9"/>
    <mergeCell ref="W9:AC9"/>
    <mergeCell ref="AD9:AJ9"/>
    <mergeCell ref="AK9:AQ9"/>
    <mergeCell ref="AR9:AT9"/>
    <mergeCell ref="AZ4:BC4"/>
    <mergeCell ref="AV5:AW5"/>
    <mergeCell ref="AZ5:BA5"/>
    <mergeCell ref="AZ6:BA6"/>
  </mergeCells>
  <phoneticPr fontId="3"/>
  <conditionalFormatting sqref="F36:M38">
    <cfRule type="expression" dxfId="279" priority="6">
      <formula>INDIRECT(ADDRESS(ROW(),COLUMN()))=TRUNC(INDIRECT(ADDRESS(ROW(),COLUMN())))</formula>
    </cfRule>
  </conditionalFormatting>
  <conditionalFormatting sqref="L40:M40">
    <cfRule type="expression" dxfId="278" priority="5">
      <formula>INDIRECT(ADDRESS(ROW(),COLUMN()))=TRUNC(INDIRECT(ADDRESS(ROW(),COLUMN())))</formula>
    </cfRule>
  </conditionalFormatting>
  <conditionalFormatting sqref="C45:D45">
    <cfRule type="expression" dxfId="277" priority="4">
      <formula>INDIRECT(ADDRESS(ROW(),COLUMN()))=TRUNC(INDIRECT(ADDRESS(ROW(),COLUMN())))</formula>
    </cfRule>
  </conditionalFormatting>
  <conditionalFormatting sqref="R45:U45">
    <cfRule type="expression" dxfId="276" priority="3">
      <formula>INDIRECT(ADDRESS(ROW(),COLUMN()))=TRUNC(INDIRECT(ADDRESS(ROW(),COLUMN())))</formula>
    </cfRule>
  </conditionalFormatting>
  <conditionalFormatting sqref="R50:U50">
    <cfRule type="expression" dxfId="275" priority="2">
      <formula>INDIRECT(ADDRESS(ROW(),COLUMN()))=TRUNC(INDIRECT(ADDRESS(ROW(),COLUMN())))</formula>
    </cfRule>
  </conditionalFormatting>
  <conditionalFormatting sqref="AU13:AX30">
    <cfRule type="expression" dxfId="274" priority="1">
      <formula>INDIRECT(ADDRESS(ROW(),COLUMN()))=TRUNC(INDIRECT(ADDRESS(ROW(),COLUMN())))</formula>
    </cfRule>
  </conditionalFormatting>
  <dataValidations count="9">
    <dataValidation type="list" allowBlank="1" showInputMessage="1" sqref="AM1:BA1" xr:uid="{8CD96694-553C-4887-8668-9EE110361B25}">
      <formula1>#REF!</formula1>
    </dataValidation>
    <dataValidation type="list" allowBlank="1" showInputMessage="1" showErrorMessage="1" sqref="AZ4" xr:uid="{4C485D66-DCF5-4C58-94DF-E65CD2B69817}">
      <formula1>"予定,実績,予定・実績"</formula1>
    </dataValidation>
    <dataValidation type="list" errorStyle="warning" allowBlank="1" showInputMessage="1" error="リストにない場合のみ、入力してください。" sqref="G13:K30" xr:uid="{EC207CBE-E732-49A1-A440-C7F17BB62215}">
      <formula1>INDIRECT(C13)</formula1>
    </dataValidation>
    <dataValidation type="list" allowBlank="1" showInputMessage="1" sqref="E13:F30" xr:uid="{4A18F323-1084-4585-BDBA-5EFC4D17C737}">
      <formula1>"A, B, C, D"</formula1>
    </dataValidation>
    <dataValidation type="list" allowBlank="1" showInputMessage="1" sqref="C13:D30" xr:uid="{8BB89274-482C-4A40-B8C3-26C11460D3C6}">
      <formula1>職種</formula1>
    </dataValidation>
    <dataValidation type="list" allowBlank="1" showInputMessage="1" showErrorMessage="1" sqref="AZ3" xr:uid="{42752724-B98B-46DF-AEED-286E7478429D}">
      <formula1>"４週,暦月"</formula1>
    </dataValidation>
    <dataValidation type="list" allowBlank="1" showInputMessage="1" showErrorMessage="1" sqref="Y42:Z42" xr:uid="{BDF5B736-BE56-4E51-88C1-3FA701F43283}">
      <formula1>"週,暦月"</formula1>
    </dataValidation>
    <dataValidation type="decimal" allowBlank="1" showInputMessage="1" showErrorMessage="1" error="入力可能範囲　32～40" sqref="AV5" xr:uid="{85C20F70-6010-40FE-92BC-75625AEBC587}">
      <formula1>32</formula1>
      <formula2>40</formula2>
    </dataValidation>
    <dataValidation type="list" allowBlank="1" showInputMessage="1" showErrorMessage="1" sqref="F45" xr:uid="{5DB662F4-818B-419E-9F68-EDDB587ABA5D}">
      <formula1>"40,50"</formula1>
    </dataValidation>
  </dataValidations>
  <printOptions horizontalCentered="1"/>
  <pageMargins left="0.23622047244094491" right="0.23622047244094491" top="0.43307086614173229" bottom="0.27559055118110237" header="0.31496062992125984" footer="0.31496062992125984"/>
  <pageSetup paperSize="9" orientation="portrait" r:id="rId1"/>
  <colBreaks count="1" manualBreakCount="1">
    <brk id="58"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C7A3AE-2642-4BD0-A372-86CA0D5AC779}">
  <sheetPr>
    <pageSetUpPr fitToPage="1"/>
  </sheetPr>
  <dimension ref="A1:B16"/>
  <sheetViews>
    <sheetView zoomScaleNormal="100" zoomScaleSheetLayoutView="80" workbookViewId="0">
      <selection activeCell="A2" sqref="A2:B2"/>
    </sheetView>
  </sheetViews>
  <sheetFormatPr defaultColWidth="7.875" defaultRowHeight="12" x14ac:dyDescent="0.4"/>
  <cols>
    <col min="1" max="1" width="27.75" style="260" customWidth="1"/>
    <col min="2" max="2" width="63.75" style="260" customWidth="1"/>
    <col min="3" max="3" width="2.75" style="260" customWidth="1"/>
    <col min="4" max="16384" width="7.875" style="260"/>
  </cols>
  <sheetData>
    <row r="1" spans="1:2" ht="16.899999999999999" customHeight="1" x14ac:dyDescent="0.4">
      <c r="A1" s="263" t="s">
        <v>265</v>
      </c>
    </row>
    <row r="2" spans="1:2" ht="32.450000000000003" customHeight="1" thickBot="1" x14ac:dyDescent="0.45">
      <c r="A2" s="688" t="s">
        <v>295</v>
      </c>
      <c r="B2" s="688"/>
    </row>
    <row r="3" spans="1:2" s="266" customFormat="1" ht="24.95" customHeight="1" x14ac:dyDescent="0.4">
      <c r="A3" s="264" t="s">
        <v>266</v>
      </c>
      <c r="B3" s="265"/>
    </row>
    <row r="4" spans="1:2" s="266" customFormat="1" ht="24.95" customHeight="1" thickBot="1" x14ac:dyDescent="0.45">
      <c r="A4" s="267" t="s">
        <v>267</v>
      </c>
      <c r="B4" s="268"/>
    </row>
    <row r="5" spans="1:2" s="266" customFormat="1" ht="20.100000000000001" customHeight="1" thickBot="1" x14ac:dyDescent="0.45">
      <c r="A5" s="269"/>
      <c r="B5" s="270"/>
    </row>
    <row r="6" spans="1:2" s="266" customFormat="1" ht="33.75" customHeight="1" x14ac:dyDescent="0.4">
      <c r="A6" s="689" t="s">
        <v>268</v>
      </c>
      <c r="B6" s="690"/>
    </row>
    <row r="7" spans="1:2" s="266" customFormat="1" ht="24.95" customHeight="1" x14ac:dyDescent="0.4">
      <c r="A7" s="691" t="s">
        <v>269</v>
      </c>
      <c r="B7" s="692"/>
    </row>
    <row r="8" spans="1:2" s="266" customFormat="1" ht="99.95" customHeight="1" x14ac:dyDescent="0.4">
      <c r="A8" s="693"/>
      <c r="B8" s="694"/>
    </row>
    <row r="9" spans="1:2" s="266" customFormat="1" ht="24.95" customHeight="1" x14ac:dyDescent="0.4">
      <c r="A9" s="682" t="s">
        <v>270</v>
      </c>
      <c r="B9" s="683"/>
    </row>
    <row r="10" spans="1:2" s="266" customFormat="1" ht="99.95" customHeight="1" x14ac:dyDescent="0.4">
      <c r="A10" s="684"/>
      <c r="B10" s="685"/>
    </row>
    <row r="11" spans="1:2" s="266" customFormat="1" ht="24.95" customHeight="1" x14ac:dyDescent="0.4">
      <c r="A11" s="682" t="s">
        <v>271</v>
      </c>
      <c r="B11" s="683"/>
    </row>
    <row r="12" spans="1:2" s="266" customFormat="1" ht="99.95" customHeight="1" x14ac:dyDescent="0.4">
      <c r="A12" s="684"/>
      <c r="B12" s="685"/>
    </row>
    <row r="13" spans="1:2" s="266" customFormat="1" ht="24.95" customHeight="1" x14ac:dyDescent="0.4">
      <c r="A13" s="682"/>
      <c r="B13" s="683"/>
    </row>
    <row r="14" spans="1:2" s="266" customFormat="1" ht="99.95" customHeight="1" thickBot="1" x14ac:dyDescent="0.45">
      <c r="A14" s="686"/>
      <c r="B14" s="687"/>
    </row>
    <row r="15" spans="1:2" s="266" customFormat="1" ht="13.5" x14ac:dyDescent="0.4">
      <c r="A15" s="271"/>
      <c r="B15" s="271"/>
    </row>
    <row r="16" spans="1:2" ht="16.899999999999999" customHeight="1" x14ac:dyDescent="0.4">
      <c r="A16" s="263" t="s">
        <v>272</v>
      </c>
    </row>
  </sheetData>
  <mergeCells count="10">
    <mergeCell ref="A11:B11"/>
    <mergeCell ref="A12:B12"/>
    <mergeCell ref="A13:B13"/>
    <mergeCell ref="A14:B14"/>
    <mergeCell ref="A2:B2"/>
    <mergeCell ref="A6:B6"/>
    <mergeCell ref="A7:B7"/>
    <mergeCell ref="A8:B8"/>
    <mergeCell ref="A9:B9"/>
    <mergeCell ref="A10:B10"/>
  </mergeCells>
  <phoneticPr fontId="3"/>
  <printOptions horizontalCentered="1"/>
  <pageMargins left="0.70866141732283472" right="0.70866141732283472" top="0.74803149606299213" bottom="0.74803149606299213" header="0.31496062992125984" footer="0.31496062992125984"/>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5984280-78EC-49E0-8D99-5E791AB6ADB8}">
  <sheetPr>
    <pageSetUpPr fitToPage="1"/>
  </sheetPr>
  <dimension ref="A1:L109"/>
  <sheetViews>
    <sheetView tabSelected="1" zoomScale="130" zoomScaleNormal="130" zoomScaleSheetLayoutView="130" workbookViewId="0">
      <selection activeCell="A7" sqref="A7"/>
    </sheetView>
  </sheetViews>
  <sheetFormatPr defaultColWidth="7.875" defaultRowHeight="12.75" x14ac:dyDescent="0.4"/>
  <cols>
    <col min="1" max="1" width="5.75" style="272" customWidth="1"/>
    <col min="2" max="3" width="13.25" style="272" customWidth="1"/>
    <col min="4" max="5" width="11.5" style="272" customWidth="1"/>
    <col min="6" max="6" width="16" style="272" customWidth="1"/>
    <col min="7" max="12" width="4.75" style="272" customWidth="1"/>
    <col min="13" max="16384" width="7.875" style="272"/>
  </cols>
  <sheetData>
    <row r="1" spans="1:12" x14ac:dyDescent="0.4">
      <c r="A1" s="698" t="s">
        <v>273</v>
      </c>
      <c r="B1" s="698"/>
      <c r="C1" s="698"/>
      <c r="D1" s="698"/>
      <c r="E1" s="698"/>
      <c r="F1" s="698"/>
      <c r="G1" s="698"/>
      <c r="H1" s="698"/>
      <c r="I1" s="698"/>
      <c r="J1" s="698"/>
      <c r="K1" s="698"/>
      <c r="L1" s="698"/>
    </row>
    <row r="3" spans="1:12" ht="16.899999999999999" customHeight="1" x14ac:dyDescent="0.4">
      <c r="A3" s="688" t="s">
        <v>274</v>
      </c>
      <c r="B3" s="688"/>
      <c r="C3" s="688"/>
      <c r="D3" s="688"/>
      <c r="E3" s="688"/>
      <c r="F3" s="688"/>
      <c r="G3" s="688"/>
      <c r="H3" s="688"/>
      <c r="I3" s="688"/>
      <c r="J3" s="688"/>
      <c r="K3" s="688"/>
      <c r="L3" s="688"/>
    </row>
    <row r="4" spans="1:12" ht="16.899999999999999" customHeight="1" x14ac:dyDescent="0.4">
      <c r="A4" s="273"/>
      <c r="B4" s="273"/>
      <c r="C4" s="273"/>
      <c r="D4" s="273"/>
      <c r="E4" s="273"/>
      <c r="F4" s="273"/>
      <c r="G4" s="273"/>
      <c r="H4" s="273"/>
      <c r="I4" s="273"/>
      <c r="J4" s="273"/>
      <c r="K4" s="273"/>
      <c r="L4" s="273"/>
    </row>
    <row r="5" spans="1:12" ht="24" customHeight="1" x14ac:dyDescent="0.4">
      <c r="A5" s="274"/>
      <c r="B5" s="274"/>
      <c r="C5" s="274"/>
      <c r="D5" s="274"/>
      <c r="E5" s="274"/>
      <c r="F5" s="699"/>
      <c r="G5" s="699"/>
      <c r="H5" s="275" t="s">
        <v>275</v>
      </c>
      <c r="I5" s="275"/>
      <c r="J5" s="275" t="s">
        <v>276</v>
      </c>
      <c r="K5" s="275"/>
      <c r="L5" s="275" t="s">
        <v>277</v>
      </c>
    </row>
    <row r="6" spans="1:12" ht="16.899999999999999" customHeight="1" x14ac:dyDescent="0.4">
      <c r="A6" s="715" t="s">
        <v>296</v>
      </c>
      <c r="B6" s="715"/>
      <c r="C6" s="274" t="s">
        <v>278</v>
      </c>
      <c r="D6" s="274"/>
      <c r="E6" s="274"/>
      <c r="F6" s="274"/>
      <c r="G6" s="274"/>
      <c r="H6" s="274"/>
      <c r="I6" s="274"/>
      <c r="J6" s="274"/>
      <c r="K6" s="274"/>
      <c r="L6" s="274"/>
    </row>
    <row r="7" spans="1:12" ht="16.899999999999999" customHeight="1" x14ac:dyDescent="0.4">
      <c r="A7" s="276"/>
      <c r="B7" s="276"/>
      <c r="C7" s="276"/>
      <c r="D7" s="276"/>
      <c r="E7" s="276"/>
      <c r="F7" s="276"/>
      <c r="G7" s="276"/>
      <c r="H7" s="276"/>
      <c r="I7" s="276"/>
      <c r="J7" s="276"/>
      <c r="K7" s="276"/>
      <c r="L7" s="276"/>
    </row>
    <row r="8" spans="1:12" s="278" customFormat="1" ht="21" customHeight="1" x14ac:dyDescent="0.15">
      <c r="A8" s="700" t="s">
        <v>279</v>
      </c>
      <c r="B8" s="700"/>
      <c r="C8" s="700"/>
      <c r="D8" s="277" t="s">
        <v>280</v>
      </c>
      <c r="E8" s="701"/>
      <c r="F8" s="701"/>
      <c r="G8" s="701"/>
      <c r="H8" s="701"/>
      <c r="I8" s="701"/>
      <c r="J8" s="701"/>
      <c r="K8" s="701"/>
      <c r="L8" s="701"/>
    </row>
    <row r="9" spans="1:12" ht="21" customHeight="1" x14ac:dyDescent="0.15">
      <c r="A9" s="279"/>
      <c r="B9" s="279"/>
      <c r="C9" s="279"/>
      <c r="D9" s="280"/>
      <c r="E9" s="702"/>
      <c r="F9" s="702"/>
      <c r="G9" s="702"/>
      <c r="H9" s="702"/>
      <c r="I9" s="702"/>
      <c r="J9" s="702"/>
      <c r="K9" s="702"/>
      <c r="L9" s="702"/>
    </row>
    <row r="10" spans="1:12" ht="21" customHeight="1" x14ac:dyDescent="0.15">
      <c r="A10" s="279"/>
      <c r="B10" s="279"/>
      <c r="C10" s="279"/>
      <c r="D10" s="703" t="s">
        <v>281</v>
      </c>
      <c r="E10" s="703"/>
      <c r="F10" s="281"/>
      <c r="G10" s="281"/>
      <c r="H10" s="281"/>
      <c r="I10" s="281"/>
      <c r="J10" s="281"/>
      <c r="K10" s="281"/>
      <c r="L10" s="281"/>
    </row>
    <row r="11" spans="1:12" ht="34.5" customHeight="1" x14ac:dyDescent="0.15">
      <c r="D11" s="280"/>
      <c r="E11" s="704"/>
      <c r="F11" s="704"/>
      <c r="G11" s="704"/>
      <c r="H11" s="704"/>
      <c r="I11" s="704"/>
      <c r="J11" s="704"/>
      <c r="K11" s="704"/>
      <c r="L11" s="704"/>
    </row>
    <row r="12" spans="1:12" ht="27.75" customHeight="1" x14ac:dyDescent="0.4">
      <c r="A12" s="705"/>
      <c r="B12" s="705"/>
      <c r="C12" s="705"/>
      <c r="D12" s="705"/>
      <c r="E12" s="705"/>
      <c r="F12" s="705"/>
      <c r="G12" s="705"/>
      <c r="H12" s="705"/>
      <c r="I12" s="705"/>
      <c r="J12" s="705"/>
      <c r="K12" s="705"/>
      <c r="L12" s="705"/>
    </row>
    <row r="13" spans="1:12" ht="27.75" customHeight="1" x14ac:dyDescent="0.4">
      <c r="A13" s="282"/>
      <c r="B13" s="282"/>
      <c r="C13" s="282"/>
      <c r="D13" s="282"/>
      <c r="E13" s="282"/>
      <c r="F13" s="282"/>
      <c r="G13" s="282"/>
      <c r="H13" s="282"/>
      <c r="I13" s="282"/>
      <c r="J13" s="282"/>
      <c r="K13" s="282"/>
      <c r="L13" s="282"/>
    </row>
    <row r="14" spans="1:12" s="266" customFormat="1" ht="54.75" customHeight="1" x14ac:dyDescent="0.4">
      <c r="A14" s="706" t="s">
        <v>282</v>
      </c>
      <c r="B14" s="706"/>
      <c r="C14" s="706"/>
      <c r="D14" s="706"/>
      <c r="E14" s="706"/>
      <c r="F14" s="706"/>
      <c r="G14" s="706"/>
      <c r="H14" s="706"/>
      <c r="I14" s="706"/>
      <c r="J14" s="706"/>
      <c r="K14" s="706"/>
      <c r="L14" s="706"/>
    </row>
    <row r="15" spans="1:12" x14ac:dyDescent="0.4">
      <c r="A15" s="707" t="s">
        <v>283</v>
      </c>
      <c r="B15" s="707"/>
      <c r="C15" s="707"/>
      <c r="D15" s="707"/>
      <c r="E15" s="707"/>
      <c r="F15" s="707"/>
      <c r="G15" s="707"/>
      <c r="H15" s="707"/>
      <c r="I15" s="707"/>
      <c r="J15" s="707"/>
      <c r="K15" s="707"/>
      <c r="L15" s="707"/>
    </row>
    <row r="17" spans="1:12" ht="9" customHeight="1" x14ac:dyDescent="0.4">
      <c r="A17" s="695"/>
      <c r="B17" s="696"/>
      <c r="C17" s="696"/>
      <c r="D17" s="696"/>
      <c r="E17" s="696"/>
      <c r="F17" s="696"/>
      <c r="G17" s="696"/>
      <c r="H17" s="696"/>
      <c r="I17" s="696"/>
      <c r="J17" s="696"/>
      <c r="K17" s="696"/>
      <c r="L17" s="697"/>
    </row>
    <row r="18" spans="1:12" s="260" customFormat="1" ht="61.5" customHeight="1" x14ac:dyDescent="0.4">
      <c r="A18" s="710" t="s">
        <v>284</v>
      </c>
      <c r="B18" s="711"/>
      <c r="C18" s="711"/>
      <c r="D18" s="711"/>
      <c r="E18" s="711"/>
      <c r="F18" s="711"/>
      <c r="G18" s="711"/>
      <c r="H18" s="711"/>
      <c r="I18" s="711"/>
      <c r="J18" s="711"/>
      <c r="K18" s="711"/>
      <c r="L18" s="712"/>
    </row>
    <row r="19" spans="1:12" s="260" customFormat="1" ht="12" x14ac:dyDescent="0.4">
      <c r="A19" s="283" t="s">
        <v>285</v>
      </c>
      <c r="B19" s="711" t="s">
        <v>286</v>
      </c>
      <c r="C19" s="711"/>
      <c r="D19" s="711"/>
      <c r="E19" s="711"/>
      <c r="F19" s="711"/>
      <c r="G19" s="711"/>
      <c r="H19" s="711"/>
      <c r="I19" s="711"/>
      <c r="J19" s="711"/>
      <c r="K19" s="711"/>
      <c r="L19" s="712"/>
    </row>
    <row r="20" spans="1:12" s="260" customFormat="1" ht="92.25" customHeight="1" x14ac:dyDescent="0.4">
      <c r="A20" s="283" t="s">
        <v>287</v>
      </c>
      <c r="B20" s="713" t="s">
        <v>288</v>
      </c>
      <c r="C20" s="713"/>
      <c r="D20" s="713"/>
      <c r="E20" s="713"/>
      <c r="F20" s="713"/>
      <c r="G20" s="713"/>
      <c r="H20" s="713"/>
      <c r="I20" s="713"/>
      <c r="J20" s="713"/>
      <c r="K20" s="713"/>
      <c r="L20" s="714"/>
    </row>
    <row r="21" spans="1:12" s="260" customFormat="1" ht="42" customHeight="1" x14ac:dyDescent="0.4">
      <c r="A21" s="283" t="s">
        <v>289</v>
      </c>
      <c r="B21" s="713" t="s">
        <v>290</v>
      </c>
      <c r="C21" s="713"/>
      <c r="D21" s="713"/>
      <c r="E21" s="713"/>
      <c r="F21" s="713"/>
      <c r="G21" s="713"/>
      <c r="H21" s="713"/>
      <c r="I21" s="713"/>
      <c r="J21" s="713"/>
      <c r="K21" s="713"/>
      <c r="L21" s="714"/>
    </row>
    <row r="22" spans="1:12" s="260" customFormat="1" ht="45" customHeight="1" x14ac:dyDescent="0.4">
      <c r="A22" s="283" t="s">
        <v>291</v>
      </c>
      <c r="B22" s="713" t="s">
        <v>292</v>
      </c>
      <c r="C22" s="713"/>
      <c r="D22" s="713"/>
      <c r="E22" s="713"/>
      <c r="F22" s="713"/>
      <c r="G22" s="713"/>
      <c r="H22" s="713"/>
      <c r="I22" s="713"/>
      <c r="J22" s="713"/>
      <c r="K22" s="713"/>
      <c r="L22" s="714"/>
    </row>
    <row r="23" spans="1:12" s="260" customFormat="1" ht="34.5" customHeight="1" x14ac:dyDescent="0.4">
      <c r="A23" s="283" t="s">
        <v>293</v>
      </c>
      <c r="B23" s="713" t="s">
        <v>294</v>
      </c>
      <c r="C23" s="713"/>
      <c r="D23" s="713"/>
      <c r="E23" s="713"/>
      <c r="F23" s="713"/>
      <c r="G23" s="713"/>
      <c r="H23" s="713"/>
      <c r="I23" s="713"/>
      <c r="J23" s="713"/>
      <c r="K23" s="713"/>
      <c r="L23" s="714"/>
    </row>
    <row r="24" spans="1:12" s="260" customFormat="1" ht="12" x14ac:dyDescent="0.4">
      <c r="A24" s="284"/>
      <c r="B24" s="708"/>
      <c r="C24" s="708"/>
      <c r="D24" s="708"/>
      <c r="E24" s="708"/>
      <c r="F24" s="708"/>
      <c r="G24" s="708"/>
      <c r="H24" s="708"/>
      <c r="I24" s="708"/>
      <c r="J24" s="708"/>
      <c r="K24" s="708"/>
      <c r="L24" s="709"/>
    </row>
    <row r="25" spans="1:12" s="260" customFormat="1" ht="12" x14ac:dyDescent="0.4"/>
    <row r="26" spans="1:12" s="260" customFormat="1" ht="12" x14ac:dyDescent="0.4"/>
    <row r="27" spans="1:12" s="260" customFormat="1" ht="12" x14ac:dyDescent="0.4"/>
    <row r="28" spans="1:12" s="260" customFormat="1" ht="12" x14ac:dyDescent="0.4"/>
    <row r="29" spans="1:12" s="260" customFormat="1" ht="12" x14ac:dyDescent="0.4"/>
    <row r="30" spans="1:12" s="260" customFormat="1" ht="12" x14ac:dyDescent="0.4"/>
    <row r="31" spans="1:12" s="260" customFormat="1" ht="12" x14ac:dyDescent="0.4"/>
    <row r="32" spans="1:12" s="260" customFormat="1" ht="12" x14ac:dyDescent="0.4"/>
    <row r="33" s="260" customFormat="1" ht="12" x14ac:dyDescent="0.4"/>
    <row r="34" s="260" customFormat="1" ht="12" x14ac:dyDescent="0.4"/>
    <row r="35" s="260" customFormat="1" ht="12" x14ac:dyDescent="0.4"/>
    <row r="36" s="260" customFormat="1" ht="12" x14ac:dyDescent="0.4"/>
    <row r="37" s="260" customFormat="1" ht="12" x14ac:dyDescent="0.4"/>
    <row r="38" s="260" customFormat="1" ht="12" x14ac:dyDescent="0.4"/>
    <row r="39" s="260" customFormat="1" ht="12" x14ac:dyDescent="0.4"/>
    <row r="40" s="260" customFormat="1" ht="12" x14ac:dyDescent="0.4"/>
    <row r="41" s="260" customFormat="1" ht="12" x14ac:dyDescent="0.4"/>
    <row r="42" s="260" customFormat="1" ht="12" x14ac:dyDescent="0.4"/>
    <row r="43" s="260" customFormat="1" ht="12" x14ac:dyDescent="0.4"/>
    <row r="44" s="260" customFormat="1" ht="12" x14ac:dyDescent="0.4"/>
    <row r="45" s="260" customFormat="1" ht="12" x14ac:dyDescent="0.4"/>
    <row r="46" s="260" customFormat="1" ht="12" x14ac:dyDescent="0.4"/>
    <row r="47" s="260" customFormat="1" ht="12" x14ac:dyDescent="0.4"/>
    <row r="48" s="260" customFormat="1" ht="12" x14ac:dyDescent="0.4"/>
    <row r="49" s="260" customFormat="1" ht="12" x14ac:dyDescent="0.4"/>
    <row r="50" s="260" customFormat="1" ht="12" x14ac:dyDescent="0.4"/>
    <row r="51" s="260" customFormat="1" ht="12" x14ac:dyDescent="0.4"/>
    <row r="52" s="260" customFormat="1" ht="12" x14ac:dyDescent="0.4"/>
    <row r="53" s="260" customFormat="1" ht="12" x14ac:dyDescent="0.4"/>
    <row r="54" s="260" customFormat="1" ht="12" x14ac:dyDescent="0.4"/>
    <row r="55" s="260" customFormat="1" ht="12" x14ac:dyDescent="0.4"/>
    <row r="56" s="260" customFormat="1" ht="12" x14ac:dyDescent="0.4"/>
    <row r="57" s="260" customFormat="1" ht="12" x14ac:dyDescent="0.4"/>
    <row r="58" s="260" customFormat="1" ht="12" x14ac:dyDescent="0.4"/>
    <row r="59" s="260" customFormat="1" ht="12" x14ac:dyDescent="0.4"/>
    <row r="60" s="260" customFormat="1" ht="12" x14ac:dyDescent="0.4"/>
    <row r="61" s="260" customFormat="1" ht="12" x14ac:dyDescent="0.4"/>
    <row r="62" s="260" customFormat="1" ht="12" x14ac:dyDescent="0.4"/>
    <row r="63" s="260" customFormat="1" ht="12" x14ac:dyDescent="0.4"/>
    <row r="64" s="260" customFormat="1" ht="12" x14ac:dyDescent="0.4"/>
    <row r="65" s="260" customFormat="1" ht="12" x14ac:dyDescent="0.4"/>
    <row r="66" s="260" customFormat="1" ht="12" x14ac:dyDescent="0.4"/>
    <row r="67" s="260" customFormat="1" ht="12" x14ac:dyDescent="0.4"/>
    <row r="68" s="260" customFormat="1" ht="12" x14ac:dyDescent="0.4"/>
    <row r="69" s="260" customFormat="1" ht="12" x14ac:dyDescent="0.4"/>
    <row r="70" s="260" customFormat="1" ht="12" x14ac:dyDescent="0.4"/>
    <row r="71" s="260" customFormat="1" ht="12" x14ac:dyDescent="0.4"/>
    <row r="72" s="260" customFormat="1" ht="12" x14ac:dyDescent="0.4"/>
    <row r="73" s="260" customFormat="1" ht="12" x14ac:dyDescent="0.4"/>
    <row r="74" s="260" customFormat="1" ht="12" x14ac:dyDescent="0.4"/>
    <row r="75" s="260" customFormat="1" ht="12" x14ac:dyDescent="0.4"/>
    <row r="76" s="260" customFormat="1" ht="12" x14ac:dyDescent="0.4"/>
    <row r="77" s="260" customFormat="1" ht="12" x14ac:dyDescent="0.4"/>
    <row r="78" s="260" customFormat="1" ht="12" x14ac:dyDescent="0.4"/>
    <row r="79" s="260" customFormat="1" ht="12" x14ac:dyDescent="0.4"/>
    <row r="80" s="260" customFormat="1" ht="12" x14ac:dyDescent="0.4"/>
    <row r="81" s="260" customFormat="1" ht="12" x14ac:dyDescent="0.4"/>
    <row r="82" s="260" customFormat="1" ht="12" x14ac:dyDescent="0.4"/>
    <row r="83" s="260" customFormat="1" ht="12" x14ac:dyDescent="0.4"/>
    <row r="84" s="260" customFormat="1" ht="12" x14ac:dyDescent="0.4"/>
    <row r="85" s="260" customFormat="1" ht="12" x14ac:dyDescent="0.4"/>
    <row r="86" s="260" customFormat="1" ht="12" x14ac:dyDescent="0.4"/>
    <row r="87" s="260" customFormat="1" ht="12" x14ac:dyDescent="0.4"/>
    <row r="88" s="260" customFormat="1" ht="12" x14ac:dyDescent="0.4"/>
    <row r="89" s="260" customFormat="1" ht="12" x14ac:dyDescent="0.4"/>
    <row r="90" s="260" customFormat="1" ht="12" x14ac:dyDescent="0.4"/>
    <row r="91" s="260" customFormat="1" ht="12" x14ac:dyDescent="0.4"/>
    <row r="92" s="260" customFormat="1" ht="12" x14ac:dyDescent="0.4"/>
    <row r="93" s="260" customFormat="1" ht="12" x14ac:dyDescent="0.4"/>
    <row r="94" s="260" customFormat="1" ht="12" x14ac:dyDescent="0.4"/>
    <row r="95" s="260" customFormat="1" ht="12" x14ac:dyDescent="0.4"/>
    <row r="96" s="260" customFormat="1" ht="12" x14ac:dyDescent="0.4"/>
    <row r="97" s="260" customFormat="1" ht="12" x14ac:dyDescent="0.4"/>
    <row r="98" s="260" customFormat="1" ht="12" x14ac:dyDescent="0.4"/>
    <row r="99" s="260" customFormat="1" ht="12" x14ac:dyDescent="0.4"/>
    <row r="100" s="260" customFormat="1" ht="12" x14ac:dyDescent="0.4"/>
    <row r="101" s="260" customFormat="1" ht="12" x14ac:dyDescent="0.4"/>
    <row r="102" s="260" customFormat="1" ht="12" x14ac:dyDescent="0.4"/>
    <row r="103" s="260" customFormat="1" ht="12" x14ac:dyDescent="0.4"/>
    <row r="104" s="260" customFormat="1" ht="12" x14ac:dyDescent="0.4"/>
    <row r="105" s="260" customFormat="1" ht="12" x14ac:dyDescent="0.4"/>
    <row r="106" s="260" customFormat="1" ht="12" x14ac:dyDescent="0.4"/>
    <row r="107" s="260" customFormat="1" ht="12" x14ac:dyDescent="0.4"/>
    <row r="108" s="260" customFormat="1" ht="12" x14ac:dyDescent="0.4"/>
    <row r="109" s="260" customFormat="1" ht="12" x14ac:dyDescent="0.4"/>
  </sheetData>
  <mergeCells count="19">
    <mergeCell ref="B24:L24"/>
    <mergeCell ref="A18:L18"/>
    <mergeCell ref="B19:L19"/>
    <mergeCell ref="B20:L20"/>
    <mergeCell ref="B21:L21"/>
    <mergeCell ref="B22:L22"/>
    <mergeCell ref="B23:L23"/>
    <mergeCell ref="A17:L17"/>
    <mergeCell ref="A1:L1"/>
    <mergeCell ref="A3:L3"/>
    <mergeCell ref="F5:G5"/>
    <mergeCell ref="A6:B6"/>
    <mergeCell ref="A8:C8"/>
    <mergeCell ref="E8:L9"/>
    <mergeCell ref="D10:E10"/>
    <mergeCell ref="E11:L11"/>
    <mergeCell ref="A12:L12"/>
    <mergeCell ref="A14:L14"/>
    <mergeCell ref="A15:L15"/>
  </mergeCells>
  <phoneticPr fontId="3"/>
  <printOptions horizontalCentered="1"/>
  <pageMargins left="0.70866141732283472" right="0.70866141732283472" top="0.74803149606299213" bottom="0.74803149606299213"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B28E23-A0E8-4207-9F8A-523DAC483908}">
  <sheetPr>
    <pageSetUpPr fitToPage="1"/>
  </sheetPr>
  <dimension ref="A1:BC73"/>
  <sheetViews>
    <sheetView workbookViewId="0">
      <selection activeCell="Z18" sqref="Z18:AA18"/>
    </sheetView>
  </sheetViews>
  <sheetFormatPr defaultColWidth="9" defaultRowHeight="18.75" x14ac:dyDescent="0.4"/>
  <cols>
    <col min="1" max="2" width="9" style="91"/>
    <col min="3" max="3" width="44.25" style="91" customWidth="1"/>
    <col min="4" max="16384" width="9" style="91"/>
  </cols>
  <sheetData>
    <row r="1" spans="1:10" x14ac:dyDescent="0.4">
      <c r="A1" s="91" t="s">
        <v>85</v>
      </c>
    </row>
    <row r="2" spans="1:10" s="94" customFormat="1" ht="20.25" customHeight="1" x14ac:dyDescent="0.4">
      <c r="A2" s="92" t="s">
        <v>86</v>
      </c>
      <c r="B2" s="92"/>
      <c r="C2" s="93"/>
    </row>
    <row r="3" spans="1:10" s="94" customFormat="1" ht="20.25" customHeight="1" x14ac:dyDescent="0.4">
      <c r="A3" s="93"/>
      <c r="B3" s="93"/>
      <c r="C3" s="93"/>
    </row>
    <row r="4" spans="1:10" s="94" customFormat="1" ht="20.25" customHeight="1" x14ac:dyDescent="0.4">
      <c r="A4" s="95"/>
      <c r="B4" s="93" t="s">
        <v>87</v>
      </c>
      <c r="C4" s="93"/>
      <c r="E4" s="433" t="s">
        <v>88</v>
      </c>
      <c r="F4" s="433"/>
      <c r="G4" s="433"/>
      <c r="H4" s="433"/>
      <c r="I4" s="433"/>
      <c r="J4" s="433"/>
    </row>
    <row r="5" spans="1:10" s="94" customFormat="1" ht="20.25" customHeight="1" x14ac:dyDescent="0.4">
      <c r="A5" s="96"/>
      <c r="B5" s="93" t="s">
        <v>89</v>
      </c>
      <c r="C5" s="93"/>
      <c r="E5" s="433"/>
      <c r="F5" s="433"/>
      <c r="G5" s="433"/>
      <c r="H5" s="433"/>
      <c r="I5" s="433"/>
      <c r="J5" s="433"/>
    </row>
    <row r="6" spans="1:10" s="94" customFormat="1" ht="20.25" customHeight="1" x14ac:dyDescent="0.4">
      <c r="A6" s="97"/>
      <c r="B6" s="93"/>
      <c r="C6" s="93"/>
    </row>
    <row r="7" spans="1:10" s="94" customFormat="1" ht="20.25" customHeight="1" x14ac:dyDescent="0.4">
      <c r="A7" s="97"/>
      <c r="B7" s="93"/>
      <c r="C7" s="93"/>
    </row>
    <row r="8" spans="1:10" s="94" customFormat="1" ht="20.25" customHeight="1" x14ac:dyDescent="0.4">
      <c r="A8" s="93" t="s">
        <v>90</v>
      </c>
      <c r="B8" s="93"/>
      <c r="C8" s="93"/>
    </row>
    <row r="9" spans="1:10" s="94" customFormat="1" ht="20.25" customHeight="1" x14ac:dyDescent="0.4">
      <c r="A9" s="97"/>
      <c r="B9" s="93"/>
      <c r="C9" s="93"/>
    </row>
    <row r="10" spans="1:10" s="94" customFormat="1" ht="20.25" customHeight="1" x14ac:dyDescent="0.4">
      <c r="A10" s="93" t="s">
        <v>91</v>
      </c>
      <c r="B10" s="93"/>
      <c r="C10" s="93"/>
    </row>
    <row r="11" spans="1:10" s="94" customFormat="1" ht="20.25" customHeight="1" x14ac:dyDescent="0.4">
      <c r="A11" s="93"/>
      <c r="B11" s="93"/>
      <c r="C11" s="93"/>
    </row>
    <row r="12" spans="1:10" s="94" customFormat="1" ht="20.25" customHeight="1" x14ac:dyDescent="0.4">
      <c r="A12" s="93" t="s">
        <v>92</v>
      </c>
      <c r="B12" s="93"/>
      <c r="C12" s="93"/>
    </row>
    <row r="13" spans="1:10" s="94" customFormat="1" ht="20.25" customHeight="1" x14ac:dyDescent="0.4">
      <c r="A13" s="93"/>
      <c r="B13" s="93"/>
      <c r="C13" s="93"/>
    </row>
    <row r="14" spans="1:10" s="94" customFormat="1" ht="20.25" customHeight="1" x14ac:dyDescent="0.4">
      <c r="A14" s="93" t="s">
        <v>93</v>
      </c>
      <c r="B14" s="93"/>
      <c r="C14" s="93"/>
    </row>
    <row r="15" spans="1:10" s="94" customFormat="1" ht="20.25" customHeight="1" x14ac:dyDescent="0.4">
      <c r="A15" s="93"/>
      <c r="B15" s="93"/>
      <c r="C15" s="93"/>
    </row>
    <row r="16" spans="1:10" s="94" customFormat="1" ht="20.25" customHeight="1" x14ac:dyDescent="0.4">
      <c r="A16" s="93" t="s">
        <v>94</v>
      </c>
      <c r="B16" s="93"/>
      <c r="C16" s="93"/>
    </row>
    <row r="17" spans="1:3" s="94" customFormat="1" ht="20.25" customHeight="1" x14ac:dyDescent="0.4">
      <c r="A17" s="93" t="s">
        <v>95</v>
      </c>
      <c r="B17" s="93"/>
      <c r="C17" s="93"/>
    </row>
    <row r="18" spans="1:3" s="94" customFormat="1" ht="20.25" customHeight="1" x14ac:dyDescent="0.4">
      <c r="A18" s="93"/>
      <c r="B18" s="93"/>
      <c r="C18" s="93"/>
    </row>
    <row r="19" spans="1:3" s="94" customFormat="1" ht="20.25" customHeight="1" x14ac:dyDescent="0.4">
      <c r="A19" s="93"/>
      <c r="B19" s="98" t="s">
        <v>20</v>
      </c>
      <c r="C19" s="98" t="s">
        <v>96</v>
      </c>
    </row>
    <row r="20" spans="1:3" s="94" customFormat="1" ht="20.25" customHeight="1" x14ac:dyDescent="0.4">
      <c r="A20" s="93"/>
      <c r="B20" s="98">
        <v>1</v>
      </c>
      <c r="C20" s="99" t="s">
        <v>97</v>
      </c>
    </row>
    <row r="21" spans="1:3" s="94" customFormat="1" ht="20.25" customHeight="1" x14ac:dyDescent="0.4">
      <c r="A21" s="93"/>
      <c r="B21" s="98">
        <v>2</v>
      </c>
      <c r="C21" s="99" t="s">
        <v>98</v>
      </c>
    </row>
    <row r="22" spans="1:3" s="94" customFormat="1" ht="20.25" customHeight="1" x14ac:dyDescent="0.4">
      <c r="A22" s="93"/>
      <c r="B22" s="98">
        <v>3</v>
      </c>
      <c r="C22" s="99" t="s">
        <v>99</v>
      </c>
    </row>
    <row r="23" spans="1:3" s="94" customFormat="1" ht="20.25" customHeight="1" x14ac:dyDescent="0.4">
      <c r="A23" s="93"/>
      <c r="B23" s="93"/>
      <c r="C23" s="93"/>
    </row>
    <row r="24" spans="1:3" s="94" customFormat="1" ht="20.25" customHeight="1" x14ac:dyDescent="0.4">
      <c r="A24" s="93"/>
      <c r="B24" s="93" t="s">
        <v>100</v>
      </c>
      <c r="C24" s="93"/>
    </row>
    <row r="25" spans="1:3" s="94" customFormat="1" ht="20.25" customHeight="1" x14ac:dyDescent="0.4">
      <c r="A25" s="93"/>
      <c r="B25" s="93"/>
      <c r="C25" s="93"/>
    </row>
    <row r="26" spans="1:3" s="94" customFormat="1" ht="20.25" customHeight="1" x14ac:dyDescent="0.4">
      <c r="A26" s="93" t="s">
        <v>101</v>
      </c>
      <c r="B26" s="93"/>
      <c r="C26" s="93"/>
    </row>
    <row r="27" spans="1:3" s="94" customFormat="1" ht="20.25" customHeight="1" x14ac:dyDescent="0.4">
      <c r="A27" s="93" t="s">
        <v>102</v>
      </c>
      <c r="B27" s="93"/>
      <c r="C27" s="93"/>
    </row>
    <row r="28" spans="1:3" s="94" customFormat="1" ht="20.25" customHeight="1" x14ac:dyDescent="0.4">
      <c r="A28" s="93"/>
      <c r="B28" s="93"/>
      <c r="C28" s="93"/>
    </row>
    <row r="29" spans="1:3" s="94" customFormat="1" ht="20.25" customHeight="1" x14ac:dyDescent="0.4">
      <c r="A29" s="93"/>
      <c r="B29" s="98" t="s">
        <v>43</v>
      </c>
      <c r="C29" s="98" t="s">
        <v>44</v>
      </c>
    </row>
    <row r="30" spans="1:3" s="94" customFormat="1" ht="20.25" customHeight="1" x14ac:dyDescent="0.4">
      <c r="A30" s="93"/>
      <c r="B30" s="98" t="s">
        <v>49</v>
      </c>
      <c r="C30" s="99" t="s">
        <v>50</v>
      </c>
    </row>
    <row r="31" spans="1:3" s="94" customFormat="1" ht="20.25" customHeight="1" x14ac:dyDescent="0.4">
      <c r="A31" s="93"/>
      <c r="B31" s="98" t="s">
        <v>52</v>
      </c>
      <c r="C31" s="99" t="s">
        <v>53</v>
      </c>
    </row>
    <row r="32" spans="1:3" s="94" customFormat="1" ht="20.25" customHeight="1" x14ac:dyDescent="0.4">
      <c r="A32" s="93"/>
      <c r="B32" s="98" t="s">
        <v>55</v>
      </c>
      <c r="C32" s="99" t="s">
        <v>56</v>
      </c>
    </row>
    <row r="33" spans="1:55" s="94" customFormat="1" ht="20.25" customHeight="1" x14ac:dyDescent="0.4">
      <c r="A33" s="93"/>
      <c r="B33" s="98" t="s">
        <v>58</v>
      </c>
      <c r="C33" s="99" t="s">
        <v>59</v>
      </c>
    </row>
    <row r="34" spans="1:55" s="94" customFormat="1" ht="20.25" customHeight="1" x14ac:dyDescent="0.4">
      <c r="A34" s="93"/>
      <c r="B34" s="93"/>
      <c r="C34" s="93"/>
    </row>
    <row r="35" spans="1:55" s="94" customFormat="1" ht="20.25" customHeight="1" x14ac:dyDescent="0.4">
      <c r="A35" s="93"/>
      <c r="B35" s="100" t="s">
        <v>103</v>
      </c>
      <c r="C35" s="93"/>
    </row>
    <row r="36" spans="1:55" s="94" customFormat="1" ht="20.25" customHeight="1" x14ac:dyDescent="0.4">
      <c r="B36" s="93" t="s">
        <v>104</v>
      </c>
      <c r="E36" s="100"/>
      <c r="F36" s="101"/>
      <c r="G36" s="101"/>
      <c r="H36" s="101"/>
      <c r="I36" s="101"/>
      <c r="J36" s="101"/>
      <c r="K36" s="101"/>
      <c r="L36" s="101"/>
      <c r="M36" s="101"/>
      <c r="N36" s="101"/>
      <c r="O36" s="101"/>
      <c r="P36" s="101"/>
      <c r="Q36" s="101"/>
      <c r="R36" s="101"/>
      <c r="S36" s="101"/>
      <c r="T36" s="101"/>
      <c r="U36" s="101"/>
      <c r="V36" s="101"/>
      <c r="W36" s="101"/>
      <c r="X36" s="101"/>
      <c r="Y36" s="101"/>
      <c r="Z36" s="101"/>
      <c r="AA36" s="101"/>
      <c r="AB36" s="101"/>
      <c r="AC36" s="101"/>
      <c r="AD36" s="101"/>
      <c r="AE36" s="101"/>
      <c r="AF36" s="101"/>
      <c r="AG36" s="101"/>
      <c r="AH36" s="101"/>
      <c r="AI36" s="101"/>
      <c r="AJ36" s="101"/>
      <c r="AK36" s="101"/>
      <c r="AL36" s="101"/>
      <c r="AM36" s="101"/>
      <c r="AN36" s="101"/>
      <c r="AO36" s="101"/>
      <c r="AP36" s="101"/>
      <c r="AQ36" s="101"/>
      <c r="AR36" s="101"/>
      <c r="AS36" s="101"/>
      <c r="AT36" s="101"/>
      <c r="AU36" s="101"/>
      <c r="AV36" s="101"/>
      <c r="AW36" s="101"/>
      <c r="AX36" s="101"/>
      <c r="AY36" s="101"/>
      <c r="AZ36" s="101"/>
      <c r="BA36" s="101"/>
      <c r="BB36" s="101"/>
      <c r="BC36" s="101"/>
    </row>
    <row r="37" spans="1:55" s="94" customFormat="1" ht="20.25" customHeight="1" x14ac:dyDescent="0.4">
      <c r="B37" s="93" t="s">
        <v>105</v>
      </c>
      <c r="E37" s="93"/>
      <c r="F37" s="101"/>
      <c r="G37" s="101"/>
      <c r="H37" s="101"/>
      <c r="I37" s="101"/>
      <c r="J37" s="101"/>
      <c r="K37" s="101"/>
      <c r="L37" s="101"/>
      <c r="M37" s="101"/>
      <c r="N37" s="101"/>
      <c r="O37" s="101"/>
      <c r="P37" s="101"/>
      <c r="Q37" s="101"/>
      <c r="R37" s="101"/>
      <c r="S37" s="101"/>
      <c r="T37" s="101"/>
      <c r="U37" s="101"/>
      <c r="V37" s="101"/>
      <c r="W37" s="101"/>
      <c r="X37" s="101"/>
      <c r="Y37" s="101"/>
      <c r="Z37" s="101"/>
      <c r="AA37" s="101"/>
      <c r="AB37" s="101"/>
      <c r="AC37" s="101"/>
      <c r="AD37" s="101"/>
      <c r="AE37" s="101"/>
      <c r="AF37" s="101"/>
      <c r="AG37" s="101"/>
      <c r="AH37" s="101"/>
      <c r="AI37" s="101"/>
      <c r="AJ37" s="101"/>
      <c r="AK37" s="101"/>
      <c r="AL37" s="101"/>
      <c r="AM37" s="101"/>
      <c r="AN37" s="101"/>
      <c r="AO37" s="101"/>
      <c r="AP37" s="101"/>
      <c r="AQ37" s="101"/>
      <c r="AR37" s="101"/>
      <c r="AS37" s="101"/>
      <c r="AT37" s="101"/>
      <c r="AU37" s="101"/>
      <c r="AV37" s="101"/>
      <c r="AW37" s="101"/>
      <c r="AX37" s="101"/>
      <c r="AY37" s="101"/>
      <c r="AZ37" s="101"/>
      <c r="BA37" s="101"/>
      <c r="BB37" s="101"/>
      <c r="BC37" s="101"/>
    </row>
    <row r="38" spans="1:55" s="94" customFormat="1" ht="20.25" customHeight="1" x14ac:dyDescent="0.4">
      <c r="E38" s="93"/>
    </row>
    <row r="39" spans="1:55" s="94" customFormat="1" ht="20.25" customHeight="1" x14ac:dyDescent="0.4">
      <c r="A39" s="93"/>
      <c r="B39" s="93"/>
      <c r="C39" s="93"/>
      <c r="D39" s="102"/>
      <c r="E39" s="103"/>
      <c r="F39" s="103"/>
      <c r="G39" s="103"/>
      <c r="H39" s="104"/>
      <c r="I39" s="104"/>
      <c r="J39" s="103"/>
      <c r="K39" s="103"/>
      <c r="L39" s="103"/>
      <c r="M39" s="104"/>
      <c r="N39" s="104"/>
      <c r="O39" s="104"/>
      <c r="P39" s="104"/>
      <c r="Q39" s="104"/>
      <c r="R39" s="103"/>
      <c r="S39" s="103"/>
      <c r="T39" s="103"/>
      <c r="U39" s="104"/>
      <c r="V39" s="104"/>
      <c r="W39" s="103"/>
      <c r="X39" s="103"/>
      <c r="Y39" s="103"/>
      <c r="Z39" s="104"/>
      <c r="AA39" s="104"/>
    </row>
    <row r="40" spans="1:55" s="94" customFormat="1" ht="20.25" customHeight="1" x14ac:dyDescent="0.4">
      <c r="A40" s="93" t="s">
        <v>106</v>
      </c>
      <c r="B40" s="93"/>
      <c r="C40" s="93"/>
    </row>
    <row r="41" spans="1:55" s="94" customFormat="1" ht="20.25" customHeight="1" x14ac:dyDescent="0.4">
      <c r="A41" s="93" t="s">
        <v>107</v>
      </c>
      <c r="B41" s="93"/>
      <c r="C41" s="93"/>
    </row>
    <row r="42" spans="1:55" s="94" customFormat="1" ht="20.25" customHeight="1" x14ac:dyDescent="0.4">
      <c r="A42" s="105" t="s">
        <v>108</v>
      </c>
      <c r="D42" s="106"/>
      <c r="E42" s="107"/>
      <c r="F42" s="103"/>
      <c r="G42" s="103"/>
      <c r="H42" s="103"/>
      <c r="I42" s="103"/>
      <c r="J42" s="104"/>
      <c r="K42" s="103"/>
      <c r="L42" s="104"/>
      <c r="M42" s="103"/>
      <c r="N42" s="103"/>
      <c r="O42" s="103"/>
      <c r="P42" s="103"/>
      <c r="Q42" s="103"/>
      <c r="R42" s="104"/>
      <c r="S42" s="103"/>
      <c r="T42" s="104"/>
      <c r="U42" s="103"/>
      <c r="V42" s="103"/>
      <c r="W42" s="104"/>
      <c r="X42" s="103"/>
      <c r="Y42" s="104"/>
      <c r="Z42" s="103"/>
      <c r="AA42" s="103"/>
      <c r="AB42" s="103"/>
      <c r="AC42" s="103"/>
      <c r="AD42" s="103"/>
      <c r="AE42" s="104"/>
      <c r="AF42" s="102"/>
      <c r="AG42" s="104"/>
      <c r="AH42" s="103"/>
      <c r="AI42" s="104"/>
      <c r="AJ42" s="104"/>
      <c r="AK42" s="104"/>
      <c r="AL42" s="104"/>
      <c r="AM42" s="103"/>
      <c r="AN42" s="104"/>
      <c r="AO42" s="104"/>
    </row>
    <row r="43" spans="1:55" s="94" customFormat="1" ht="20.25" customHeight="1" x14ac:dyDescent="0.4">
      <c r="C43" s="105"/>
      <c r="D43" s="106"/>
      <c r="E43" s="107"/>
      <c r="F43" s="103"/>
      <c r="G43" s="103"/>
      <c r="H43" s="103"/>
      <c r="I43" s="103"/>
      <c r="J43" s="104"/>
      <c r="K43" s="103"/>
      <c r="L43" s="104"/>
      <c r="M43" s="103"/>
      <c r="N43" s="103"/>
      <c r="O43" s="103"/>
      <c r="P43" s="103"/>
      <c r="Q43" s="103"/>
      <c r="R43" s="104"/>
      <c r="S43" s="103"/>
      <c r="T43" s="104"/>
      <c r="U43" s="103"/>
      <c r="V43" s="103"/>
      <c r="W43" s="104"/>
      <c r="X43" s="103"/>
      <c r="Y43" s="104"/>
      <c r="Z43" s="103"/>
      <c r="AA43" s="103"/>
      <c r="AB43" s="103"/>
      <c r="AC43" s="103"/>
      <c r="AD43" s="103"/>
      <c r="AE43" s="104"/>
      <c r="AF43" s="102"/>
      <c r="AG43" s="104"/>
      <c r="AH43" s="103"/>
      <c r="AI43" s="104"/>
      <c r="AJ43" s="104"/>
      <c r="AK43" s="104"/>
      <c r="AL43" s="104"/>
      <c r="AM43" s="103"/>
      <c r="AN43" s="104"/>
      <c r="AO43" s="104"/>
    </row>
    <row r="44" spans="1:55" s="94" customFormat="1" ht="20.25" customHeight="1" x14ac:dyDescent="0.4">
      <c r="A44" s="93" t="s">
        <v>109</v>
      </c>
      <c r="B44" s="93"/>
    </row>
    <row r="45" spans="1:55" s="94" customFormat="1" ht="20.25" customHeight="1" x14ac:dyDescent="0.4"/>
    <row r="46" spans="1:55" s="94" customFormat="1" ht="20.25" customHeight="1" x14ac:dyDescent="0.4">
      <c r="A46" s="93" t="s">
        <v>110</v>
      </c>
      <c r="B46" s="93"/>
      <c r="C46" s="93"/>
    </row>
    <row r="47" spans="1:55" s="94" customFormat="1" ht="20.25" customHeight="1" x14ac:dyDescent="0.4">
      <c r="A47" s="93" t="s">
        <v>111</v>
      </c>
      <c r="B47" s="93"/>
      <c r="C47" s="93"/>
    </row>
    <row r="48" spans="1:55" s="94" customFormat="1" ht="20.25" customHeight="1" x14ac:dyDescent="0.4"/>
    <row r="49" spans="1:55" s="94" customFormat="1" ht="20.25" customHeight="1" x14ac:dyDescent="0.4">
      <c r="A49" s="93" t="s">
        <v>112</v>
      </c>
      <c r="B49" s="93"/>
      <c r="C49" s="93"/>
    </row>
    <row r="50" spans="1:55" s="94" customFormat="1" ht="20.25" customHeight="1" x14ac:dyDescent="0.4">
      <c r="A50" s="93" t="s">
        <v>113</v>
      </c>
      <c r="B50" s="93"/>
      <c r="C50" s="93"/>
    </row>
    <row r="51" spans="1:55" s="94" customFormat="1" ht="20.25" customHeight="1" x14ac:dyDescent="0.4">
      <c r="A51" s="93"/>
      <c r="B51" s="93"/>
      <c r="C51" s="93"/>
    </row>
    <row r="52" spans="1:55" s="94" customFormat="1" ht="20.25" customHeight="1" x14ac:dyDescent="0.4">
      <c r="A52" s="93" t="s">
        <v>114</v>
      </c>
      <c r="B52" s="93"/>
      <c r="C52" s="93"/>
    </row>
    <row r="53" spans="1:55" s="94" customFormat="1" ht="20.25" customHeight="1" x14ac:dyDescent="0.4">
      <c r="A53" s="93"/>
      <c r="B53" s="93"/>
      <c r="C53" s="93"/>
    </row>
    <row r="54" spans="1:55" s="94" customFormat="1" ht="20.25" customHeight="1" x14ac:dyDescent="0.4">
      <c r="A54" s="94" t="s">
        <v>115</v>
      </c>
      <c r="D54" s="108"/>
      <c r="E54" s="108"/>
      <c r="F54" s="108"/>
      <c r="G54" s="108"/>
      <c r="H54" s="108"/>
      <c r="I54" s="108"/>
      <c r="J54" s="108"/>
      <c r="K54" s="108"/>
      <c r="L54" s="108"/>
      <c r="M54" s="108"/>
      <c r="N54" s="108"/>
      <c r="O54" s="108"/>
      <c r="P54" s="108"/>
      <c r="Q54" s="108"/>
      <c r="R54" s="108"/>
      <c r="S54" s="108"/>
      <c r="T54" s="108"/>
      <c r="U54" s="108"/>
      <c r="V54" s="108"/>
      <c r="W54" s="108"/>
      <c r="X54" s="108"/>
      <c r="Y54" s="108"/>
      <c r="Z54" s="108"/>
      <c r="AA54" s="108"/>
      <c r="AB54" s="108"/>
      <c r="AC54" s="108"/>
      <c r="AD54" s="108"/>
      <c r="AE54" s="108"/>
      <c r="AF54" s="108"/>
      <c r="AG54" s="108"/>
      <c r="AH54" s="108"/>
      <c r="AI54" s="108"/>
      <c r="AJ54" s="108"/>
      <c r="AK54" s="108"/>
      <c r="AL54" s="108"/>
      <c r="AM54" s="108"/>
      <c r="AN54" s="108"/>
      <c r="AO54" s="108"/>
      <c r="AP54" s="108"/>
      <c r="AQ54" s="108"/>
      <c r="AR54" s="108"/>
      <c r="AS54" s="108"/>
      <c r="AT54" s="108"/>
      <c r="AU54" s="108"/>
      <c r="AV54" s="108"/>
      <c r="AW54" s="108"/>
      <c r="AX54" s="108"/>
      <c r="AY54" s="108"/>
      <c r="AZ54" s="108"/>
      <c r="BA54" s="108"/>
      <c r="BB54" s="108"/>
      <c r="BC54" s="108"/>
    </row>
    <row r="55" spans="1:55" s="94" customFormat="1" ht="20.25" customHeight="1" x14ac:dyDescent="0.4">
      <c r="A55" s="94" t="s">
        <v>116</v>
      </c>
      <c r="D55" s="108"/>
      <c r="E55" s="108"/>
      <c r="F55" s="108"/>
      <c r="G55" s="108"/>
      <c r="H55" s="108"/>
      <c r="I55" s="108"/>
      <c r="J55" s="108"/>
      <c r="K55" s="108"/>
      <c r="L55" s="108"/>
      <c r="M55" s="108"/>
      <c r="N55" s="108"/>
      <c r="O55" s="108"/>
      <c r="P55" s="108"/>
      <c r="Q55" s="108"/>
      <c r="R55" s="108"/>
      <c r="S55" s="108"/>
      <c r="T55" s="108"/>
      <c r="U55" s="108"/>
      <c r="V55" s="108"/>
      <c r="W55" s="108"/>
      <c r="X55" s="108"/>
      <c r="Y55" s="108"/>
      <c r="Z55" s="108"/>
      <c r="AA55" s="108"/>
      <c r="AB55" s="108"/>
      <c r="AC55" s="108"/>
      <c r="AD55" s="108"/>
      <c r="AE55" s="108"/>
      <c r="AF55" s="108"/>
      <c r="AG55" s="108"/>
      <c r="AH55" s="108"/>
      <c r="AI55" s="108"/>
      <c r="AJ55" s="108"/>
      <c r="AK55" s="108"/>
      <c r="AL55" s="108"/>
      <c r="AM55" s="108"/>
      <c r="AN55" s="108"/>
      <c r="AO55" s="108"/>
      <c r="AP55" s="108"/>
      <c r="AQ55" s="108"/>
      <c r="AR55" s="108"/>
      <c r="AS55" s="108"/>
      <c r="AT55" s="108"/>
      <c r="AU55" s="108"/>
      <c r="AV55" s="108"/>
      <c r="AW55" s="108"/>
      <c r="AX55" s="108"/>
      <c r="AY55" s="108"/>
      <c r="AZ55" s="108"/>
      <c r="BA55" s="108"/>
      <c r="BB55" s="108"/>
      <c r="BC55" s="108"/>
    </row>
    <row r="56" spans="1:55" s="94" customFormat="1" ht="20.25" customHeight="1" x14ac:dyDescent="0.4">
      <c r="A56" s="94" t="s">
        <v>117</v>
      </c>
      <c r="D56" s="108"/>
      <c r="E56" s="108"/>
      <c r="F56" s="108"/>
      <c r="G56" s="108"/>
      <c r="H56" s="108"/>
      <c r="I56" s="108"/>
      <c r="J56" s="108"/>
      <c r="K56" s="108"/>
      <c r="L56" s="108"/>
      <c r="M56" s="108"/>
      <c r="N56" s="108"/>
      <c r="O56" s="108"/>
      <c r="P56" s="108"/>
      <c r="Q56" s="108"/>
      <c r="R56" s="108"/>
      <c r="S56" s="108"/>
      <c r="T56" s="108"/>
      <c r="U56" s="108"/>
      <c r="V56" s="108"/>
      <c r="W56" s="108"/>
      <c r="X56" s="108"/>
      <c r="Y56" s="108"/>
      <c r="Z56" s="108"/>
      <c r="AA56" s="108"/>
      <c r="AB56" s="108"/>
      <c r="AC56" s="108"/>
      <c r="AD56" s="108"/>
      <c r="AE56" s="108"/>
      <c r="AF56" s="108"/>
      <c r="AG56" s="108"/>
      <c r="AH56" s="108"/>
      <c r="AI56" s="108"/>
      <c r="AJ56" s="108"/>
      <c r="AK56" s="108"/>
      <c r="AL56" s="108"/>
      <c r="AM56" s="108"/>
      <c r="AN56" s="108"/>
      <c r="AO56" s="108"/>
      <c r="AP56" s="108"/>
      <c r="AQ56" s="108"/>
      <c r="AR56" s="108"/>
      <c r="AS56" s="108"/>
      <c r="AT56" s="108"/>
      <c r="AU56" s="108"/>
      <c r="AV56" s="108"/>
      <c r="AW56" s="108"/>
      <c r="AX56" s="108"/>
      <c r="AY56" s="108"/>
      <c r="AZ56" s="108"/>
      <c r="BA56" s="108"/>
      <c r="BB56" s="108"/>
      <c r="BC56" s="108"/>
    </row>
    <row r="57" spans="1:55" s="94" customFormat="1" ht="20.25" customHeight="1" x14ac:dyDescent="0.4">
      <c r="A57" s="93"/>
      <c r="B57" s="93"/>
      <c r="C57" s="93"/>
      <c r="D57" s="101"/>
      <c r="E57" s="101"/>
      <c r="F57" s="101"/>
      <c r="G57" s="101"/>
      <c r="H57" s="101"/>
      <c r="I57" s="101"/>
      <c r="J57" s="101"/>
      <c r="K57" s="101"/>
      <c r="L57" s="101"/>
      <c r="M57" s="101"/>
      <c r="N57" s="101"/>
      <c r="O57" s="101"/>
      <c r="P57" s="101"/>
      <c r="Q57" s="101"/>
      <c r="R57" s="101"/>
      <c r="S57" s="101"/>
      <c r="T57" s="101"/>
      <c r="U57" s="101"/>
      <c r="V57" s="101"/>
      <c r="W57" s="101"/>
      <c r="X57" s="101"/>
      <c r="Y57" s="101"/>
      <c r="Z57" s="101"/>
      <c r="AA57" s="101"/>
      <c r="AB57" s="101"/>
      <c r="AC57" s="101"/>
      <c r="AD57" s="101"/>
      <c r="AE57" s="101"/>
      <c r="AF57" s="101"/>
      <c r="AG57" s="101"/>
      <c r="AH57" s="101"/>
      <c r="AI57" s="101"/>
      <c r="AJ57" s="101"/>
      <c r="AK57" s="101"/>
      <c r="AL57" s="101"/>
      <c r="AM57" s="101"/>
      <c r="AN57" s="101"/>
      <c r="AO57" s="101"/>
      <c r="AP57" s="101"/>
      <c r="AQ57" s="101"/>
      <c r="AR57" s="101"/>
      <c r="AS57" s="101"/>
      <c r="AT57" s="101"/>
      <c r="AU57" s="101"/>
      <c r="AV57" s="101"/>
      <c r="AW57" s="101"/>
      <c r="AX57" s="101"/>
      <c r="AY57" s="101"/>
      <c r="AZ57" s="101"/>
      <c r="BA57" s="101"/>
      <c r="BB57" s="101"/>
      <c r="BC57" s="101"/>
    </row>
    <row r="58" spans="1:55" s="94" customFormat="1" ht="20.25" customHeight="1" x14ac:dyDescent="0.4">
      <c r="A58" s="94" t="s">
        <v>118</v>
      </c>
      <c r="C58" s="109"/>
      <c r="D58" s="100"/>
      <c r="E58" s="100"/>
    </row>
    <row r="59" spans="1:55" s="94" customFormat="1" ht="20.25" customHeight="1" x14ac:dyDescent="0.4">
      <c r="A59" s="109"/>
      <c r="B59" s="109"/>
      <c r="C59" s="109"/>
      <c r="D59" s="93"/>
      <c r="E59" s="93"/>
    </row>
    <row r="60" spans="1:55" s="94" customFormat="1" ht="20.25" customHeight="1" x14ac:dyDescent="0.4">
      <c r="A60" s="94" t="s">
        <v>119</v>
      </c>
      <c r="C60" s="109"/>
      <c r="D60" s="100"/>
      <c r="E60" s="100"/>
    </row>
    <row r="61" spans="1:55" s="94" customFormat="1" ht="20.25" customHeight="1" x14ac:dyDescent="0.4">
      <c r="A61" s="110" t="s">
        <v>120</v>
      </c>
      <c r="B61" s="109"/>
      <c r="C61" s="109"/>
      <c r="D61" s="93"/>
      <c r="E61" s="93"/>
    </row>
    <row r="62" spans="1:55" s="94" customFormat="1" ht="20.25" customHeight="1" x14ac:dyDescent="0.4">
      <c r="A62" s="111" t="s">
        <v>121</v>
      </c>
      <c r="B62" s="109"/>
      <c r="C62" s="109"/>
      <c r="D62" s="93"/>
      <c r="E62" s="93"/>
    </row>
    <row r="63" spans="1:55" s="94" customFormat="1" ht="20.25" customHeight="1" x14ac:dyDescent="0.4">
      <c r="A63" s="110" t="s">
        <v>122</v>
      </c>
      <c r="B63" s="109"/>
      <c r="C63" s="109"/>
      <c r="D63" s="93"/>
      <c r="E63" s="93"/>
    </row>
    <row r="64" spans="1:55" s="94" customFormat="1" ht="20.25" customHeight="1" x14ac:dyDescent="0.4">
      <c r="A64" s="111" t="s">
        <v>123</v>
      </c>
      <c r="B64" s="109"/>
      <c r="C64" s="109"/>
      <c r="D64" s="93"/>
      <c r="E64" s="93"/>
    </row>
    <row r="65" spans="1:5" s="94" customFormat="1" ht="20.25" customHeight="1" x14ac:dyDescent="0.4">
      <c r="A65" s="110" t="s">
        <v>124</v>
      </c>
      <c r="B65" s="109"/>
      <c r="C65" s="109"/>
      <c r="D65" s="93"/>
      <c r="E65" s="93"/>
    </row>
    <row r="66" spans="1:5" s="94" customFormat="1" ht="20.25" customHeight="1" x14ac:dyDescent="0.4">
      <c r="A66" s="110" t="s">
        <v>125</v>
      </c>
      <c r="B66" s="109"/>
      <c r="C66" s="109"/>
      <c r="D66" s="93"/>
      <c r="E66" s="93"/>
    </row>
    <row r="67" spans="1:5" s="94" customFormat="1" ht="20.25" customHeight="1" x14ac:dyDescent="0.4">
      <c r="A67" s="110" t="s">
        <v>126</v>
      </c>
      <c r="B67" s="109"/>
      <c r="C67" s="109"/>
      <c r="D67" s="93"/>
      <c r="E67" s="93"/>
    </row>
    <row r="68" spans="1:5" s="94" customFormat="1" ht="20.25" customHeight="1" x14ac:dyDescent="0.4">
      <c r="A68" s="109"/>
      <c r="B68" s="109"/>
      <c r="C68" s="109"/>
      <c r="D68" s="93"/>
      <c r="E68" s="93"/>
    </row>
    <row r="69" spans="1:5" s="94" customFormat="1" ht="20.25" customHeight="1" x14ac:dyDescent="0.4">
      <c r="A69" s="109"/>
      <c r="B69" s="109"/>
      <c r="C69" s="109"/>
      <c r="D69" s="93"/>
      <c r="E69" s="93"/>
    </row>
    <row r="70" spans="1:5" s="94" customFormat="1" ht="20.25" customHeight="1" x14ac:dyDescent="0.4">
      <c r="A70" s="109"/>
      <c r="B70" s="109"/>
      <c r="C70" s="109"/>
      <c r="D70" s="93"/>
      <c r="E70" s="93"/>
    </row>
    <row r="71" spans="1:5" s="94" customFormat="1" ht="20.25" customHeight="1" x14ac:dyDescent="0.4">
      <c r="A71" s="109"/>
      <c r="B71" s="109"/>
      <c r="C71" s="109"/>
      <c r="D71" s="93"/>
      <c r="E71" s="93"/>
    </row>
    <row r="72" spans="1:5" ht="20.25" customHeight="1" x14ac:dyDescent="0.4"/>
    <row r="73" spans="1:5" ht="20.25" customHeight="1" x14ac:dyDescent="0.4"/>
  </sheetData>
  <mergeCells count="1">
    <mergeCell ref="E4:J5"/>
  </mergeCells>
  <phoneticPr fontId="3"/>
  <printOptions horizontalCentered="1"/>
  <pageMargins left="0.70866141732283472" right="0.70866141732283472" top="0.74803149606299213" bottom="0.15748031496062992" header="0.31496062992125984" footer="0.31496062992125984"/>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38058B-CFEE-4982-8707-B03A7C7871D5}">
  <sheetPr>
    <pageSetUpPr fitToPage="1"/>
  </sheetPr>
  <dimension ref="B1:W42"/>
  <sheetViews>
    <sheetView zoomScaleNormal="100" workbookViewId="0">
      <selection activeCell="Z18" sqref="Z18:AA18"/>
    </sheetView>
  </sheetViews>
  <sheetFormatPr defaultColWidth="9" defaultRowHeight="25.5" x14ac:dyDescent="0.4"/>
  <cols>
    <col min="1" max="1" width="1.625" style="114" customWidth="1"/>
    <col min="2" max="2" width="5.625" style="113" customWidth="1"/>
    <col min="3" max="3" width="10.625" style="113" customWidth="1"/>
    <col min="4" max="4" width="3.375" style="113" bestFit="1" customWidth="1"/>
    <col min="5" max="5" width="15.625" style="114" customWidth="1"/>
    <col min="6" max="6" width="3.375" style="114" bestFit="1" customWidth="1"/>
    <col min="7" max="7" width="15.625" style="114" customWidth="1"/>
    <col min="8" max="8" width="3.375" style="114" bestFit="1" customWidth="1"/>
    <col min="9" max="9" width="15.625" style="113" customWidth="1"/>
    <col min="10" max="10" width="3.375" style="114" bestFit="1" customWidth="1"/>
    <col min="11" max="11" width="15.625" style="114" customWidth="1"/>
    <col min="12" max="12" width="3.375" style="114" customWidth="1"/>
    <col min="13" max="13" width="15.625" style="114" customWidth="1"/>
    <col min="14" max="14" width="3.375" style="114" customWidth="1"/>
    <col min="15" max="15" width="15.625" style="114" customWidth="1"/>
    <col min="16" max="16" width="3.375" style="114" customWidth="1"/>
    <col min="17" max="17" width="15.625" style="114" customWidth="1"/>
    <col min="18" max="18" width="3.375" style="114" customWidth="1"/>
    <col min="19" max="19" width="15.625" style="114" customWidth="1"/>
    <col min="20" max="20" width="3.375" style="114" customWidth="1"/>
    <col min="21" max="21" width="15.625" style="114" customWidth="1"/>
    <col min="22" max="22" width="3.375" style="114" customWidth="1"/>
    <col min="23" max="23" width="50.625" style="114" customWidth="1"/>
    <col min="24" max="16384" width="9" style="114"/>
  </cols>
  <sheetData>
    <row r="1" spans="2:23" x14ac:dyDescent="0.4">
      <c r="B1" s="112" t="s">
        <v>127</v>
      </c>
    </row>
    <row r="2" spans="2:23" x14ac:dyDescent="0.4">
      <c r="B2" s="115" t="s">
        <v>128</v>
      </c>
      <c r="E2" s="116"/>
      <c r="I2" s="117"/>
    </row>
    <row r="3" spans="2:23" x14ac:dyDescent="0.4">
      <c r="B3" s="117" t="s">
        <v>129</v>
      </c>
      <c r="E3" s="116" t="s">
        <v>130</v>
      </c>
      <c r="I3" s="117"/>
    </row>
    <row r="4" spans="2:23" x14ac:dyDescent="0.4">
      <c r="B4" s="115"/>
      <c r="E4" s="434" t="s">
        <v>131</v>
      </c>
      <c r="F4" s="434"/>
      <c r="G4" s="434"/>
      <c r="H4" s="434"/>
      <c r="I4" s="434"/>
      <c r="J4" s="434"/>
      <c r="K4" s="434"/>
      <c r="M4" s="434" t="s">
        <v>132</v>
      </c>
      <c r="N4" s="434"/>
      <c r="O4" s="434"/>
      <c r="Q4" s="434" t="s">
        <v>133</v>
      </c>
      <c r="R4" s="434"/>
      <c r="S4" s="434"/>
      <c r="T4" s="434"/>
      <c r="U4" s="434"/>
      <c r="W4" s="434" t="s">
        <v>134</v>
      </c>
    </row>
    <row r="5" spans="2:23" x14ac:dyDescent="0.4">
      <c r="B5" s="113" t="s">
        <v>20</v>
      </c>
      <c r="C5" s="113" t="s">
        <v>43</v>
      </c>
      <c r="E5" s="113" t="s">
        <v>135</v>
      </c>
      <c r="F5" s="113"/>
      <c r="G5" s="113" t="s">
        <v>136</v>
      </c>
      <c r="I5" s="113" t="s">
        <v>137</v>
      </c>
      <c r="K5" s="113" t="s">
        <v>131</v>
      </c>
      <c r="M5" s="113" t="s">
        <v>138</v>
      </c>
      <c r="O5" s="113" t="s">
        <v>139</v>
      </c>
      <c r="Q5" s="113" t="s">
        <v>138</v>
      </c>
      <c r="S5" s="113" t="s">
        <v>139</v>
      </c>
      <c r="U5" s="113" t="s">
        <v>131</v>
      </c>
      <c r="W5" s="434"/>
    </row>
    <row r="6" spans="2:23" x14ac:dyDescent="0.4">
      <c r="B6" s="113">
        <v>1</v>
      </c>
      <c r="C6" s="118" t="s">
        <v>140</v>
      </c>
      <c r="D6" s="113" t="s">
        <v>141</v>
      </c>
      <c r="E6" s="119">
        <v>0.375</v>
      </c>
      <c r="F6" s="113" t="s">
        <v>142</v>
      </c>
      <c r="G6" s="119">
        <v>0.75</v>
      </c>
      <c r="H6" s="114" t="s">
        <v>143</v>
      </c>
      <c r="I6" s="119">
        <v>4.1666666666666664E-2</v>
      </c>
      <c r="J6" s="114" t="s">
        <v>7</v>
      </c>
      <c r="K6" s="120">
        <f t="shared" ref="K6:K8" si="0">(G6-E6-I6)*24</f>
        <v>8</v>
      </c>
      <c r="M6" s="119">
        <v>0.39583333333333331</v>
      </c>
      <c r="N6" s="113" t="s">
        <v>142</v>
      </c>
      <c r="O6" s="119">
        <v>0.6875</v>
      </c>
      <c r="Q6" s="121">
        <f>IF(E6&lt;M6,M6,E6)</f>
        <v>0.39583333333333331</v>
      </c>
      <c r="R6" s="113" t="s">
        <v>142</v>
      </c>
      <c r="S6" s="121">
        <f t="shared" ref="S6:S8" si="1">IF(G6&gt;O6,O6,G6)</f>
        <v>0.6875</v>
      </c>
      <c r="U6" s="120">
        <f t="shared" ref="U6:U8" si="2">(S6-Q6)*24</f>
        <v>7</v>
      </c>
      <c r="W6" s="122"/>
    </row>
    <row r="7" spans="2:23" x14ac:dyDescent="0.4">
      <c r="B7" s="113">
        <v>2</v>
      </c>
      <c r="C7" s="118" t="s">
        <v>144</v>
      </c>
      <c r="D7" s="113" t="s">
        <v>141</v>
      </c>
      <c r="E7" s="119"/>
      <c r="F7" s="113" t="s">
        <v>142</v>
      </c>
      <c r="G7" s="119"/>
      <c r="H7" s="114" t="s">
        <v>143</v>
      </c>
      <c r="I7" s="119">
        <v>0</v>
      </c>
      <c r="J7" s="114" t="s">
        <v>7</v>
      </c>
      <c r="K7" s="120">
        <f t="shared" si="0"/>
        <v>0</v>
      </c>
      <c r="M7" s="119"/>
      <c r="N7" s="113" t="s">
        <v>142</v>
      </c>
      <c r="O7" s="119"/>
      <c r="Q7" s="121">
        <f t="shared" ref="Q7:Q8" si="3">IF(E7&lt;M7,M7,E7)</f>
        <v>0</v>
      </c>
      <c r="R7" s="113" t="s">
        <v>142</v>
      </c>
      <c r="S7" s="121">
        <f t="shared" si="1"/>
        <v>0</v>
      </c>
      <c r="U7" s="120">
        <f t="shared" si="2"/>
        <v>0</v>
      </c>
      <c r="W7" s="122"/>
    </row>
    <row r="8" spans="2:23" x14ac:dyDescent="0.4">
      <c r="B8" s="113">
        <v>3</v>
      </c>
      <c r="C8" s="118" t="s">
        <v>145</v>
      </c>
      <c r="D8" s="113" t="s">
        <v>141</v>
      </c>
      <c r="E8" s="119"/>
      <c r="F8" s="113" t="s">
        <v>142</v>
      </c>
      <c r="G8" s="119"/>
      <c r="H8" s="114" t="s">
        <v>143</v>
      </c>
      <c r="I8" s="119">
        <v>0</v>
      </c>
      <c r="J8" s="114" t="s">
        <v>7</v>
      </c>
      <c r="K8" s="120">
        <f t="shared" si="0"/>
        <v>0</v>
      </c>
      <c r="M8" s="119"/>
      <c r="N8" s="113" t="s">
        <v>142</v>
      </c>
      <c r="O8" s="119"/>
      <c r="Q8" s="121">
        <f t="shared" si="3"/>
        <v>0</v>
      </c>
      <c r="R8" s="113" t="s">
        <v>142</v>
      </c>
      <c r="S8" s="121">
        <f t="shared" si="1"/>
        <v>0</v>
      </c>
      <c r="U8" s="120">
        <f t="shared" si="2"/>
        <v>0</v>
      </c>
      <c r="W8" s="122"/>
    </row>
    <row r="9" spans="2:23" x14ac:dyDescent="0.4">
      <c r="B9" s="113">
        <v>4</v>
      </c>
      <c r="C9" s="118" t="s">
        <v>146</v>
      </c>
      <c r="D9" s="113" t="s">
        <v>141</v>
      </c>
      <c r="E9" s="119"/>
      <c r="F9" s="113" t="s">
        <v>142</v>
      </c>
      <c r="G9" s="119"/>
      <c r="H9" s="114" t="s">
        <v>143</v>
      </c>
      <c r="I9" s="119">
        <v>0</v>
      </c>
      <c r="J9" s="114" t="s">
        <v>7</v>
      </c>
      <c r="K9" s="120">
        <f>(G9-E9-I9)*24</f>
        <v>0</v>
      </c>
      <c r="M9" s="119"/>
      <c r="N9" s="113" t="s">
        <v>142</v>
      </c>
      <c r="O9" s="119"/>
      <c r="Q9" s="121">
        <f>IF(E9&lt;M9,M9,E9)</f>
        <v>0</v>
      </c>
      <c r="R9" s="113" t="s">
        <v>142</v>
      </c>
      <c r="S9" s="121">
        <f>IF(G9&gt;O9,O9,G9)</f>
        <v>0</v>
      </c>
      <c r="U9" s="120">
        <f>(S9-Q9)*24</f>
        <v>0</v>
      </c>
      <c r="W9" s="122"/>
    </row>
    <row r="10" spans="2:23" x14ac:dyDescent="0.4">
      <c r="B10" s="113">
        <v>5</v>
      </c>
      <c r="C10" s="118" t="s">
        <v>147</v>
      </c>
      <c r="D10" s="113" t="s">
        <v>141</v>
      </c>
      <c r="E10" s="119"/>
      <c r="F10" s="113" t="s">
        <v>142</v>
      </c>
      <c r="G10" s="119"/>
      <c r="H10" s="114" t="s">
        <v>143</v>
      </c>
      <c r="I10" s="119">
        <v>0</v>
      </c>
      <c r="J10" s="114" t="s">
        <v>7</v>
      </c>
      <c r="K10" s="120">
        <f>(G10-E10-I10)*24</f>
        <v>0</v>
      </c>
      <c r="M10" s="119"/>
      <c r="N10" s="113" t="s">
        <v>142</v>
      </c>
      <c r="O10" s="119"/>
      <c r="Q10" s="121">
        <f t="shared" ref="Q10:Q25" si="4">IF(E10&lt;M10,M10,E10)</f>
        <v>0</v>
      </c>
      <c r="R10" s="113" t="s">
        <v>142</v>
      </c>
      <c r="S10" s="121">
        <f t="shared" ref="S10:S25" si="5">IF(G10&gt;O10,O10,G10)</f>
        <v>0</v>
      </c>
      <c r="U10" s="120">
        <f t="shared" ref="U10:U25" si="6">(S10-Q10)*24</f>
        <v>0</v>
      </c>
      <c r="W10" s="122"/>
    </row>
    <row r="11" spans="2:23" x14ac:dyDescent="0.4">
      <c r="B11" s="113">
        <v>6</v>
      </c>
      <c r="C11" s="118" t="s">
        <v>148</v>
      </c>
      <c r="D11" s="113" t="s">
        <v>141</v>
      </c>
      <c r="E11" s="119"/>
      <c r="F11" s="113" t="s">
        <v>142</v>
      </c>
      <c r="G11" s="119"/>
      <c r="H11" s="114" t="s">
        <v>143</v>
      </c>
      <c r="I11" s="119">
        <v>0</v>
      </c>
      <c r="J11" s="114" t="s">
        <v>7</v>
      </c>
      <c r="K11" s="120">
        <f t="shared" ref="K11:K25" si="7">(G11-E11-I11)*24</f>
        <v>0</v>
      </c>
      <c r="M11" s="119"/>
      <c r="N11" s="113" t="s">
        <v>142</v>
      </c>
      <c r="O11" s="119"/>
      <c r="Q11" s="121">
        <f t="shared" si="4"/>
        <v>0</v>
      </c>
      <c r="R11" s="113" t="s">
        <v>142</v>
      </c>
      <c r="S11" s="121">
        <f t="shared" si="5"/>
        <v>0</v>
      </c>
      <c r="U11" s="120">
        <f t="shared" si="6"/>
        <v>0</v>
      </c>
      <c r="W11" s="122"/>
    </row>
    <row r="12" spans="2:23" x14ac:dyDescent="0.4">
      <c r="B12" s="113">
        <v>7</v>
      </c>
      <c r="C12" s="118" t="s">
        <v>149</v>
      </c>
      <c r="D12" s="113" t="s">
        <v>141</v>
      </c>
      <c r="E12" s="119"/>
      <c r="F12" s="113" t="s">
        <v>142</v>
      </c>
      <c r="G12" s="119"/>
      <c r="H12" s="114" t="s">
        <v>143</v>
      </c>
      <c r="I12" s="119">
        <v>0</v>
      </c>
      <c r="J12" s="114" t="s">
        <v>7</v>
      </c>
      <c r="K12" s="120">
        <f t="shared" si="7"/>
        <v>0</v>
      </c>
      <c r="M12" s="119"/>
      <c r="N12" s="113" t="s">
        <v>142</v>
      </c>
      <c r="O12" s="119"/>
      <c r="Q12" s="121">
        <f t="shared" si="4"/>
        <v>0</v>
      </c>
      <c r="R12" s="113" t="s">
        <v>142</v>
      </c>
      <c r="S12" s="121">
        <f t="shared" si="5"/>
        <v>0</v>
      </c>
      <c r="U12" s="120">
        <f t="shared" si="6"/>
        <v>0</v>
      </c>
      <c r="W12" s="122"/>
    </row>
    <row r="13" spans="2:23" x14ac:dyDescent="0.4">
      <c r="B13" s="113">
        <v>8</v>
      </c>
      <c r="C13" s="118" t="s">
        <v>150</v>
      </c>
      <c r="D13" s="113" t="s">
        <v>141</v>
      </c>
      <c r="E13" s="119"/>
      <c r="F13" s="113" t="s">
        <v>142</v>
      </c>
      <c r="G13" s="119"/>
      <c r="H13" s="114" t="s">
        <v>143</v>
      </c>
      <c r="I13" s="119">
        <v>0</v>
      </c>
      <c r="J13" s="114" t="s">
        <v>7</v>
      </c>
      <c r="K13" s="120">
        <f t="shared" si="7"/>
        <v>0</v>
      </c>
      <c r="M13" s="119"/>
      <c r="N13" s="113" t="s">
        <v>142</v>
      </c>
      <c r="O13" s="119"/>
      <c r="Q13" s="121">
        <f t="shared" si="4"/>
        <v>0</v>
      </c>
      <c r="R13" s="113" t="s">
        <v>142</v>
      </c>
      <c r="S13" s="121">
        <f t="shared" si="5"/>
        <v>0</v>
      </c>
      <c r="U13" s="120">
        <f t="shared" si="6"/>
        <v>0</v>
      </c>
      <c r="W13" s="122"/>
    </row>
    <row r="14" spans="2:23" x14ac:dyDescent="0.4">
      <c r="B14" s="113">
        <v>9</v>
      </c>
      <c r="C14" s="118" t="s">
        <v>151</v>
      </c>
      <c r="D14" s="113" t="s">
        <v>141</v>
      </c>
      <c r="E14" s="119"/>
      <c r="F14" s="113" t="s">
        <v>142</v>
      </c>
      <c r="G14" s="119"/>
      <c r="H14" s="114" t="s">
        <v>143</v>
      </c>
      <c r="I14" s="119">
        <v>0</v>
      </c>
      <c r="J14" s="114" t="s">
        <v>7</v>
      </c>
      <c r="K14" s="120">
        <f t="shared" si="7"/>
        <v>0</v>
      </c>
      <c r="M14" s="119"/>
      <c r="N14" s="113" t="s">
        <v>142</v>
      </c>
      <c r="O14" s="119"/>
      <c r="Q14" s="121">
        <f t="shared" si="4"/>
        <v>0</v>
      </c>
      <c r="R14" s="113" t="s">
        <v>142</v>
      </c>
      <c r="S14" s="121">
        <f t="shared" si="5"/>
        <v>0</v>
      </c>
      <c r="U14" s="120">
        <f t="shared" si="6"/>
        <v>0</v>
      </c>
      <c r="W14" s="122"/>
    </row>
    <row r="15" spans="2:23" x14ac:dyDescent="0.4">
      <c r="B15" s="113">
        <v>10</v>
      </c>
      <c r="C15" s="118" t="s">
        <v>152</v>
      </c>
      <c r="D15" s="113" t="s">
        <v>141</v>
      </c>
      <c r="E15" s="119"/>
      <c r="F15" s="113" t="s">
        <v>142</v>
      </c>
      <c r="G15" s="119"/>
      <c r="H15" s="114" t="s">
        <v>143</v>
      </c>
      <c r="I15" s="119">
        <v>0</v>
      </c>
      <c r="J15" s="114" t="s">
        <v>7</v>
      </c>
      <c r="K15" s="120">
        <f t="shared" si="7"/>
        <v>0</v>
      </c>
      <c r="M15" s="119"/>
      <c r="N15" s="113" t="s">
        <v>142</v>
      </c>
      <c r="O15" s="119"/>
      <c r="Q15" s="121">
        <f t="shared" si="4"/>
        <v>0</v>
      </c>
      <c r="R15" s="113" t="s">
        <v>142</v>
      </c>
      <c r="S15" s="121">
        <f>IF(G15&gt;O15,O15,G15)</f>
        <v>0</v>
      </c>
      <c r="U15" s="120">
        <f t="shared" si="6"/>
        <v>0</v>
      </c>
      <c r="W15" s="122"/>
    </row>
    <row r="16" spans="2:23" x14ac:dyDescent="0.4">
      <c r="B16" s="113">
        <v>11</v>
      </c>
      <c r="C16" s="118" t="s">
        <v>153</v>
      </c>
      <c r="D16" s="113" t="s">
        <v>141</v>
      </c>
      <c r="E16" s="119"/>
      <c r="F16" s="113" t="s">
        <v>142</v>
      </c>
      <c r="G16" s="119"/>
      <c r="H16" s="114" t="s">
        <v>143</v>
      </c>
      <c r="I16" s="119">
        <v>0</v>
      </c>
      <c r="J16" s="114" t="s">
        <v>7</v>
      </c>
      <c r="K16" s="120">
        <f t="shared" si="7"/>
        <v>0</v>
      </c>
      <c r="M16" s="119"/>
      <c r="N16" s="113" t="s">
        <v>142</v>
      </c>
      <c r="O16" s="119"/>
      <c r="Q16" s="121">
        <f t="shared" si="4"/>
        <v>0</v>
      </c>
      <c r="R16" s="113" t="s">
        <v>142</v>
      </c>
      <c r="S16" s="121">
        <f t="shared" si="5"/>
        <v>0</v>
      </c>
      <c r="U16" s="120">
        <f t="shared" si="6"/>
        <v>0</v>
      </c>
      <c r="W16" s="122"/>
    </row>
    <row r="17" spans="2:23" x14ac:dyDescent="0.4">
      <c r="B17" s="113">
        <v>12</v>
      </c>
      <c r="C17" s="118" t="s">
        <v>154</v>
      </c>
      <c r="D17" s="113" t="s">
        <v>141</v>
      </c>
      <c r="E17" s="119"/>
      <c r="F17" s="113" t="s">
        <v>142</v>
      </c>
      <c r="G17" s="119"/>
      <c r="H17" s="114" t="s">
        <v>143</v>
      </c>
      <c r="I17" s="119">
        <v>0</v>
      </c>
      <c r="J17" s="114" t="s">
        <v>7</v>
      </c>
      <c r="K17" s="120">
        <f t="shared" si="7"/>
        <v>0</v>
      </c>
      <c r="M17" s="119"/>
      <c r="N17" s="113" t="s">
        <v>142</v>
      </c>
      <c r="O17" s="119"/>
      <c r="Q17" s="121">
        <f t="shared" si="4"/>
        <v>0</v>
      </c>
      <c r="R17" s="113" t="s">
        <v>142</v>
      </c>
      <c r="S17" s="121">
        <f t="shared" si="5"/>
        <v>0</v>
      </c>
      <c r="U17" s="120">
        <f t="shared" si="6"/>
        <v>0</v>
      </c>
      <c r="W17" s="122"/>
    </row>
    <row r="18" spans="2:23" x14ac:dyDescent="0.4">
      <c r="B18" s="113">
        <v>13</v>
      </c>
      <c r="C18" s="118" t="s">
        <v>155</v>
      </c>
      <c r="D18" s="113" t="s">
        <v>141</v>
      </c>
      <c r="E18" s="119"/>
      <c r="F18" s="113" t="s">
        <v>142</v>
      </c>
      <c r="G18" s="119"/>
      <c r="H18" s="114" t="s">
        <v>143</v>
      </c>
      <c r="I18" s="119">
        <v>0</v>
      </c>
      <c r="J18" s="114" t="s">
        <v>7</v>
      </c>
      <c r="K18" s="120">
        <f t="shared" si="7"/>
        <v>0</v>
      </c>
      <c r="M18" s="119"/>
      <c r="N18" s="113" t="s">
        <v>142</v>
      </c>
      <c r="O18" s="119"/>
      <c r="Q18" s="121">
        <f t="shared" si="4"/>
        <v>0</v>
      </c>
      <c r="R18" s="113" t="s">
        <v>142</v>
      </c>
      <c r="S18" s="121">
        <f t="shared" si="5"/>
        <v>0</v>
      </c>
      <c r="U18" s="120">
        <f t="shared" si="6"/>
        <v>0</v>
      </c>
      <c r="W18" s="122"/>
    </row>
    <row r="19" spans="2:23" x14ac:dyDescent="0.4">
      <c r="B19" s="113">
        <v>14</v>
      </c>
      <c r="C19" s="118" t="s">
        <v>156</v>
      </c>
      <c r="D19" s="113" t="s">
        <v>141</v>
      </c>
      <c r="E19" s="119"/>
      <c r="F19" s="113" t="s">
        <v>142</v>
      </c>
      <c r="G19" s="119"/>
      <c r="H19" s="114" t="s">
        <v>143</v>
      </c>
      <c r="I19" s="119">
        <v>0</v>
      </c>
      <c r="J19" s="114" t="s">
        <v>7</v>
      </c>
      <c r="K19" s="120">
        <f t="shared" si="7"/>
        <v>0</v>
      </c>
      <c r="M19" s="119"/>
      <c r="N19" s="113" t="s">
        <v>142</v>
      </c>
      <c r="O19" s="119"/>
      <c r="Q19" s="121">
        <f t="shared" si="4"/>
        <v>0</v>
      </c>
      <c r="R19" s="113" t="s">
        <v>142</v>
      </c>
      <c r="S19" s="121">
        <f t="shared" si="5"/>
        <v>0</v>
      </c>
      <c r="U19" s="120">
        <f t="shared" si="6"/>
        <v>0</v>
      </c>
      <c r="W19" s="122"/>
    </row>
    <row r="20" spans="2:23" x14ac:dyDescent="0.4">
      <c r="B20" s="113">
        <v>15</v>
      </c>
      <c r="C20" s="118" t="s">
        <v>157</v>
      </c>
      <c r="D20" s="113" t="s">
        <v>141</v>
      </c>
      <c r="E20" s="119"/>
      <c r="F20" s="113" t="s">
        <v>142</v>
      </c>
      <c r="G20" s="119"/>
      <c r="H20" s="114" t="s">
        <v>143</v>
      </c>
      <c r="I20" s="119">
        <v>0</v>
      </c>
      <c r="J20" s="114" t="s">
        <v>7</v>
      </c>
      <c r="K20" s="123">
        <f t="shared" si="7"/>
        <v>0</v>
      </c>
      <c r="M20" s="119"/>
      <c r="N20" s="113" t="s">
        <v>142</v>
      </c>
      <c r="O20" s="119"/>
      <c r="Q20" s="121">
        <f t="shared" si="4"/>
        <v>0</v>
      </c>
      <c r="R20" s="113" t="s">
        <v>142</v>
      </c>
      <c r="S20" s="121">
        <f t="shared" si="5"/>
        <v>0</v>
      </c>
      <c r="U20" s="120">
        <f t="shared" si="6"/>
        <v>0</v>
      </c>
      <c r="W20" s="122"/>
    </row>
    <row r="21" spans="2:23" x14ac:dyDescent="0.4">
      <c r="B21" s="113">
        <v>16</v>
      </c>
      <c r="C21" s="118" t="s">
        <v>158</v>
      </c>
      <c r="D21" s="113" t="s">
        <v>141</v>
      </c>
      <c r="E21" s="119"/>
      <c r="F21" s="113" t="s">
        <v>142</v>
      </c>
      <c r="G21" s="119"/>
      <c r="H21" s="114" t="s">
        <v>143</v>
      </c>
      <c r="I21" s="119">
        <v>0</v>
      </c>
      <c r="J21" s="114" t="s">
        <v>7</v>
      </c>
      <c r="K21" s="120">
        <f t="shared" si="7"/>
        <v>0</v>
      </c>
      <c r="M21" s="119"/>
      <c r="N21" s="113" t="s">
        <v>142</v>
      </c>
      <c r="O21" s="119"/>
      <c r="Q21" s="121">
        <f t="shared" si="4"/>
        <v>0</v>
      </c>
      <c r="R21" s="113" t="s">
        <v>142</v>
      </c>
      <c r="S21" s="121">
        <f t="shared" si="5"/>
        <v>0</v>
      </c>
      <c r="U21" s="120">
        <f t="shared" si="6"/>
        <v>0</v>
      </c>
      <c r="W21" s="122"/>
    </row>
    <row r="22" spans="2:23" x14ac:dyDescent="0.4">
      <c r="B22" s="113">
        <v>17</v>
      </c>
      <c r="C22" s="118" t="s">
        <v>159</v>
      </c>
      <c r="D22" s="113" t="s">
        <v>141</v>
      </c>
      <c r="E22" s="119"/>
      <c r="F22" s="113" t="s">
        <v>142</v>
      </c>
      <c r="G22" s="119"/>
      <c r="H22" s="114" t="s">
        <v>143</v>
      </c>
      <c r="I22" s="119">
        <v>0</v>
      </c>
      <c r="J22" s="114" t="s">
        <v>7</v>
      </c>
      <c r="K22" s="120">
        <f t="shared" si="7"/>
        <v>0</v>
      </c>
      <c r="M22" s="119"/>
      <c r="N22" s="113" t="s">
        <v>142</v>
      </c>
      <c r="O22" s="119"/>
      <c r="Q22" s="121">
        <f t="shared" si="4"/>
        <v>0</v>
      </c>
      <c r="R22" s="113" t="s">
        <v>142</v>
      </c>
      <c r="S22" s="121">
        <f t="shared" si="5"/>
        <v>0</v>
      </c>
      <c r="U22" s="120">
        <f t="shared" si="6"/>
        <v>0</v>
      </c>
      <c r="W22" s="122"/>
    </row>
    <row r="23" spans="2:23" x14ac:dyDescent="0.4">
      <c r="B23" s="113">
        <v>18</v>
      </c>
      <c r="C23" s="118" t="s">
        <v>160</v>
      </c>
      <c r="D23" s="113" t="s">
        <v>141</v>
      </c>
      <c r="E23" s="119"/>
      <c r="F23" s="113" t="s">
        <v>142</v>
      </c>
      <c r="G23" s="119"/>
      <c r="H23" s="114" t="s">
        <v>143</v>
      </c>
      <c r="I23" s="119">
        <v>0</v>
      </c>
      <c r="J23" s="114" t="s">
        <v>7</v>
      </c>
      <c r="K23" s="120">
        <f t="shared" si="7"/>
        <v>0</v>
      </c>
      <c r="M23" s="119"/>
      <c r="N23" s="113" t="s">
        <v>142</v>
      </c>
      <c r="O23" s="119"/>
      <c r="Q23" s="121">
        <f t="shared" si="4"/>
        <v>0</v>
      </c>
      <c r="R23" s="113" t="s">
        <v>142</v>
      </c>
      <c r="S23" s="121">
        <f t="shared" si="5"/>
        <v>0</v>
      </c>
      <c r="U23" s="120">
        <f t="shared" si="6"/>
        <v>0</v>
      </c>
      <c r="W23" s="122"/>
    </row>
    <row r="24" spans="2:23" x14ac:dyDescent="0.4">
      <c r="B24" s="113">
        <v>19</v>
      </c>
      <c r="C24" s="118" t="s">
        <v>161</v>
      </c>
      <c r="D24" s="113" t="s">
        <v>141</v>
      </c>
      <c r="E24" s="119"/>
      <c r="F24" s="113" t="s">
        <v>142</v>
      </c>
      <c r="G24" s="119"/>
      <c r="H24" s="114" t="s">
        <v>143</v>
      </c>
      <c r="I24" s="119">
        <v>0</v>
      </c>
      <c r="J24" s="114" t="s">
        <v>7</v>
      </c>
      <c r="K24" s="120">
        <f t="shared" si="7"/>
        <v>0</v>
      </c>
      <c r="M24" s="119"/>
      <c r="N24" s="113" t="s">
        <v>142</v>
      </c>
      <c r="O24" s="119"/>
      <c r="Q24" s="121">
        <f t="shared" si="4"/>
        <v>0</v>
      </c>
      <c r="R24" s="113" t="s">
        <v>142</v>
      </c>
      <c r="S24" s="121">
        <f t="shared" si="5"/>
        <v>0</v>
      </c>
      <c r="U24" s="120">
        <f t="shared" si="6"/>
        <v>0</v>
      </c>
      <c r="W24" s="122"/>
    </row>
    <row r="25" spans="2:23" x14ac:dyDescent="0.4">
      <c r="B25" s="113">
        <v>20</v>
      </c>
      <c r="C25" s="118" t="s">
        <v>162</v>
      </c>
      <c r="D25" s="113" t="s">
        <v>141</v>
      </c>
      <c r="E25" s="119"/>
      <c r="F25" s="113" t="s">
        <v>142</v>
      </c>
      <c r="G25" s="119"/>
      <c r="H25" s="114" t="s">
        <v>143</v>
      </c>
      <c r="I25" s="119">
        <v>0</v>
      </c>
      <c r="J25" s="114" t="s">
        <v>7</v>
      </c>
      <c r="K25" s="120">
        <f t="shared" si="7"/>
        <v>0</v>
      </c>
      <c r="M25" s="119"/>
      <c r="N25" s="113" t="s">
        <v>142</v>
      </c>
      <c r="O25" s="119"/>
      <c r="Q25" s="121">
        <f t="shared" si="4"/>
        <v>0</v>
      </c>
      <c r="R25" s="113" t="s">
        <v>142</v>
      </c>
      <c r="S25" s="121">
        <f t="shared" si="5"/>
        <v>0</v>
      </c>
      <c r="U25" s="120">
        <f t="shared" si="6"/>
        <v>0</v>
      </c>
      <c r="W25" s="122"/>
    </row>
    <row r="26" spans="2:23" x14ac:dyDescent="0.4">
      <c r="B26" s="113">
        <v>21</v>
      </c>
      <c r="C26" s="118" t="s">
        <v>163</v>
      </c>
      <c r="D26" s="113" t="s">
        <v>141</v>
      </c>
      <c r="E26" s="124"/>
      <c r="F26" s="113" t="s">
        <v>142</v>
      </c>
      <c r="G26" s="124"/>
      <c r="H26" s="114" t="s">
        <v>143</v>
      </c>
      <c r="I26" s="124"/>
      <c r="J26" s="114" t="s">
        <v>7</v>
      </c>
      <c r="K26" s="118">
        <v>1</v>
      </c>
      <c r="M26" s="120"/>
      <c r="N26" s="113" t="s">
        <v>142</v>
      </c>
      <c r="O26" s="120"/>
      <c r="Q26" s="120"/>
      <c r="R26" s="113" t="s">
        <v>142</v>
      </c>
      <c r="S26" s="120"/>
      <c r="U26" s="118">
        <v>1</v>
      </c>
      <c r="W26" s="122"/>
    </row>
    <row r="27" spans="2:23" x14ac:dyDescent="0.4">
      <c r="B27" s="113">
        <v>22</v>
      </c>
      <c r="C27" s="118" t="s">
        <v>164</v>
      </c>
      <c r="D27" s="113" t="s">
        <v>141</v>
      </c>
      <c r="E27" s="124"/>
      <c r="F27" s="113" t="s">
        <v>142</v>
      </c>
      <c r="G27" s="124"/>
      <c r="H27" s="114" t="s">
        <v>143</v>
      </c>
      <c r="I27" s="124"/>
      <c r="J27" s="114" t="s">
        <v>7</v>
      </c>
      <c r="K27" s="118">
        <v>2</v>
      </c>
      <c r="M27" s="120"/>
      <c r="N27" s="113" t="s">
        <v>142</v>
      </c>
      <c r="O27" s="120"/>
      <c r="Q27" s="120"/>
      <c r="R27" s="113" t="s">
        <v>142</v>
      </c>
      <c r="S27" s="120"/>
      <c r="U27" s="118">
        <v>2</v>
      </c>
      <c r="W27" s="122"/>
    </row>
    <row r="28" spans="2:23" x14ac:dyDescent="0.4">
      <c r="B28" s="113">
        <v>23</v>
      </c>
      <c r="C28" s="118" t="s">
        <v>165</v>
      </c>
      <c r="D28" s="113" t="s">
        <v>141</v>
      </c>
      <c r="E28" s="124"/>
      <c r="F28" s="113" t="s">
        <v>142</v>
      </c>
      <c r="G28" s="124"/>
      <c r="H28" s="114" t="s">
        <v>143</v>
      </c>
      <c r="I28" s="124"/>
      <c r="J28" s="114" t="s">
        <v>7</v>
      </c>
      <c r="K28" s="118">
        <v>3</v>
      </c>
      <c r="M28" s="120"/>
      <c r="N28" s="113" t="s">
        <v>142</v>
      </c>
      <c r="O28" s="120"/>
      <c r="Q28" s="120"/>
      <c r="R28" s="113" t="s">
        <v>142</v>
      </c>
      <c r="S28" s="120"/>
      <c r="U28" s="118">
        <v>3</v>
      </c>
      <c r="W28" s="122"/>
    </row>
    <row r="29" spans="2:23" x14ac:dyDescent="0.4">
      <c r="B29" s="113">
        <v>24</v>
      </c>
      <c r="C29" s="118" t="s">
        <v>166</v>
      </c>
      <c r="D29" s="113" t="s">
        <v>141</v>
      </c>
      <c r="E29" s="124"/>
      <c r="F29" s="113" t="s">
        <v>142</v>
      </c>
      <c r="G29" s="124"/>
      <c r="H29" s="114" t="s">
        <v>143</v>
      </c>
      <c r="I29" s="124"/>
      <c r="J29" s="114" t="s">
        <v>7</v>
      </c>
      <c r="K29" s="118">
        <v>4</v>
      </c>
      <c r="M29" s="120"/>
      <c r="N29" s="113" t="s">
        <v>142</v>
      </c>
      <c r="O29" s="120"/>
      <c r="Q29" s="120"/>
      <c r="R29" s="113" t="s">
        <v>142</v>
      </c>
      <c r="S29" s="120"/>
      <c r="U29" s="118">
        <v>4</v>
      </c>
      <c r="W29" s="122"/>
    </row>
    <row r="30" spans="2:23" x14ac:dyDescent="0.4">
      <c r="B30" s="113">
        <v>25</v>
      </c>
      <c r="C30" s="118" t="s">
        <v>167</v>
      </c>
      <c r="D30" s="113" t="s">
        <v>141</v>
      </c>
      <c r="E30" s="124"/>
      <c r="F30" s="113" t="s">
        <v>142</v>
      </c>
      <c r="G30" s="124"/>
      <c r="H30" s="114" t="s">
        <v>143</v>
      </c>
      <c r="I30" s="124"/>
      <c r="J30" s="114" t="s">
        <v>7</v>
      </c>
      <c r="K30" s="118">
        <v>4</v>
      </c>
      <c r="M30" s="120"/>
      <c r="N30" s="113" t="s">
        <v>142</v>
      </c>
      <c r="O30" s="120"/>
      <c r="Q30" s="120"/>
      <c r="R30" s="113" t="s">
        <v>142</v>
      </c>
      <c r="S30" s="120"/>
      <c r="U30" s="118">
        <v>3</v>
      </c>
      <c r="W30" s="122"/>
    </row>
    <row r="31" spans="2:23" x14ac:dyDescent="0.4">
      <c r="B31" s="113">
        <v>26</v>
      </c>
      <c r="C31" s="118" t="s">
        <v>168</v>
      </c>
      <c r="D31" s="113" t="s">
        <v>141</v>
      </c>
      <c r="E31" s="124"/>
      <c r="F31" s="113" t="s">
        <v>142</v>
      </c>
      <c r="G31" s="124"/>
      <c r="H31" s="114" t="s">
        <v>143</v>
      </c>
      <c r="I31" s="124"/>
      <c r="J31" s="114" t="s">
        <v>7</v>
      </c>
      <c r="K31" s="118">
        <v>5</v>
      </c>
      <c r="M31" s="120"/>
      <c r="N31" s="113" t="s">
        <v>142</v>
      </c>
      <c r="O31" s="120"/>
      <c r="Q31" s="120"/>
      <c r="R31" s="113" t="s">
        <v>142</v>
      </c>
      <c r="S31" s="120"/>
      <c r="U31" s="118">
        <v>5</v>
      </c>
      <c r="W31" s="122"/>
    </row>
    <row r="32" spans="2:23" x14ac:dyDescent="0.4">
      <c r="B32" s="113">
        <v>27</v>
      </c>
      <c r="C32" s="118" t="s">
        <v>169</v>
      </c>
      <c r="D32" s="113" t="s">
        <v>141</v>
      </c>
      <c r="E32" s="124"/>
      <c r="F32" s="113" t="s">
        <v>142</v>
      </c>
      <c r="G32" s="124"/>
      <c r="H32" s="114" t="s">
        <v>143</v>
      </c>
      <c r="I32" s="124"/>
      <c r="J32" s="114" t="s">
        <v>7</v>
      </c>
      <c r="K32" s="118">
        <v>0</v>
      </c>
      <c r="M32" s="120"/>
      <c r="N32" s="113" t="s">
        <v>142</v>
      </c>
      <c r="O32" s="120"/>
      <c r="Q32" s="120"/>
      <c r="R32" s="113" t="s">
        <v>142</v>
      </c>
      <c r="S32" s="120"/>
      <c r="U32" s="118">
        <v>0</v>
      </c>
      <c r="W32" s="122" t="s">
        <v>170</v>
      </c>
    </row>
    <row r="33" spans="2:23" x14ac:dyDescent="0.4">
      <c r="B33" s="113">
        <v>28</v>
      </c>
      <c r="C33" s="118" t="s">
        <v>57</v>
      </c>
      <c r="D33" s="113" t="s">
        <v>141</v>
      </c>
      <c r="E33" s="124"/>
      <c r="F33" s="113" t="s">
        <v>142</v>
      </c>
      <c r="G33" s="124"/>
      <c r="H33" s="114" t="s">
        <v>143</v>
      </c>
      <c r="I33" s="124"/>
      <c r="J33" s="114" t="s">
        <v>7</v>
      </c>
      <c r="K33" s="118"/>
      <c r="M33" s="120"/>
      <c r="N33" s="113" t="s">
        <v>142</v>
      </c>
      <c r="O33" s="120"/>
      <c r="Q33" s="120"/>
      <c r="R33" s="113" t="s">
        <v>142</v>
      </c>
      <c r="S33" s="120"/>
      <c r="U33" s="118"/>
      <c r="W33" s="122"/>
    </row>
    <row r="34" spans="2:23" x14ac:dyDescent="0.4">
      <c r="B34" s="113">
        <v>29</v>
      </c>
      <c r="C34" s="118" t="s">
        <v>57</v>
      </c>
      <c r="D34" s="113" t="s">
        <v>141</v>
      </c>
      <c r="E34" s="124"/>
      <c r="F34" s="113" t="s">
        <v>142</v>
      </c>
      <c r="G34" s="124"/>
      <c r="H34" s="114" t="s">
        <v>143</v>
      </c>
      <c r="I34" s="124"/>
      <c r="J34" s="114" t="s">
        <v>7</v>
      </c>
      <c r="K34" s="118"/>
      <c r="M34" s="120"/>
      <c r="N34" s="113" t="s">
        <v>142</v>
      </c>
      <c r="O34" s="120"/>
      <c r="Q34" s="120"/>
      <c r="R34" s="113" t="s">
        <v>142</v>
      </c>
      <c r="S34" s="120"/>
      <c r="U34" s="118"/>
      <c r="W34" s="122"/>
    </row>
    <row r="35" spans="2:23" x14ac:dyDescent="0.4">
      <c r="B35" s="113">
        <v>30</v>
      </c>
      <c r="C35" s="118" t="s">
        <v>57</v>
      </c>
      <c r="D35" s="113" t="s">
        <v>141</v>
      </c>
      <c r="E35" s="124"/>
      <c r="F35" s="113" t="s">
        <v>142</v>
      </c>
      <c r="G35" s="124"/>
      <c r="H35" s="114" t="s">
        <v>143</v>
      </c>
      <c r="I35" s="124"/>
      <c r="J35" s="114" t="s">
        <v>7</v>
      </c>
      <c r="K35" s="118"/>
      <c r="M35" s="120"/>
      <c r="N35" s="113" t="s">
        <v>142</v>
      </c>
      <c r="O35" s="120"/>
      <c r="Q35" s="120"/>
      <c r="R35" s="113" t="s">
        <v>142</v>
      </c>
      <c r="S35" s="120"/>
      <c r="U35" s="118"/>
      <c r="W35" s="122"/>
    </row>
    <row r="36" spans="2:23" x14ac:dyDescent="0.4">
      <c r="C36" s="125"/>
    </row>
    <row r="37" spans="2:23" x14ac:dyDescent="0.4">
      <c r="C37" s="114" t="s">
        <v>171</v>
      </c>
    </row>
    <row r="38" spans="2:23" x14ac:dyDescent="0.4">
      <c r="C38" s="114" t="s">
        <v>172</v>
      </c>
    </row>
    <row r="39" spans="2:23" x14ac:dyDescent="0.4">
      <c r="C39" s="114" t="s">
        <v>173</v>
      </c>
    </row>
    <row r="40" spans="2:23" x14ac:dyDescent="0.4">
      <c r="C40" s="114" t="s">
        <v>174</v>
      </c>
    </row>
    <row r="41" spans="2:23" x14ac:dyDescent="0.4">
      <c r="C41" s="115" t="s">
        <v>175</v>
      </c>
    </row>
    <row r="42" spans="2:23" x14ac:dyDescent="0.4">
      <c r="C42" s="115" t="s">
        <v>176</v>
      </c>
    </row>
  </sheetData>
  <sheetProtection insertRows="0" deleteRows="0"/>
  <mergeCells count="4">
    <mergeCell ref="E4:K4"/>
    <mergeCell ref="M4:O4"/>
    <mergeCell ref="Q4:U4"/>
    <mergeCell ref="W4:W5"/>
  </mergeCells>
  <phoneticPr fontId="3"/>
  <pageMargins left="0.15748031496062992" right="0.15748031496062992" top="0.55118110236220474" bottom="0.35433070866141736" header="0.31496062992125984" footer="0.31496062992125984"/>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602A7A-B93C-4E8C-9D68-AF52C104FF82}">
  <sheetPr>
    <pageSetUpPr fitToPage="1"/>
  </sheetPr>
  <dimension ref="B1:BU80"/>
  <sheetViews>
    <sheetView showGridLines="0" view="pageBreakPreview" zoomScaleNormal="70" zoomScaleSheetLayoutView="100" workbookViewId="0">
      <selection activeCell="Z18" sqref="Z18:AA18"/>
    </sheetView>
  </sheetViews>
  <sheetFormatPr defaultColWidth="4.375" defaultRowHeight="20.25" customHeight="1" x14ac:dyDescent="0.4"/>
  <cols>
    <col min="1" max="1" width="1.625" style="154" customWidth="1"/>
    <col min="2" max="5" width="5.75" style="154" customWidth="1"/>
    <col min="6" max="6" width="16.5" style="154" hidden="1" customWidth="1"/>
    <col min="7" max="58" width="5.625" style="154" customWidth="1"/>
    <col min="59" max="16384" width="4.375" style="154"/>
  </cols>
  <sheetData>
    <row r="1" spans="2:64" s="126" customFormat="1" ht="20.25" customHeight="1" x14ac:dyDescent="0.4">
      <c r="C1" s="127" t="s">
        <v>0</v>
      </c>
      <c r="D1" s="127"/>
      <c r="E1" s="127"/>
      <c r="F1" s="127"/>
      <c r="G1" s="127"/>
      <c r="H1" s="128" t="s">
        <v>177</v>
      </c>
      <c r="J1" s="128"/>
      <c r="L1" s="127"/>
      <c r="M1" s="127"/>
      <c r="N1" s="127"/>
      <c r="O1" s="127"/>
      <c r="P1" s="127"/>
      <c r="Q1" s="127"/>
      <c r="R1" s="127"/>
      <c r="AM1" s="129"/>
      <c r="AN1" s="130"/>
      <c r="AO1" s="130" t="s">
        <v>178</v>
      </c>
      <c r="AP1" s="302" t="s">
        <v>179</v>
      </c>
      <c r="AQ1" s="442"/>
      <c r="AR1" s="442"/>
      <c r="AS1" s="442"/>
      <c r="AT1" s="442"/>
      <c r="AU1" s="442"/>
      <c r="AV1" s="442"/>
      <c r="AW1" s="442"/>
      <c r="AX1" s="442"/>
      <c r="AY1" s="442"/>
      <c r="AZ1" s="442"/>
      <c r="BA1" s="442"/>
      <c r="BB1" s="442"/>
      <c r="BC1" s="442"/>
      <c r="BD1" s="442"/>
      <c r="BE1" s="442"/>
      <c r="BF1" s="130" t="s">
        <v>5</v>
      </c>
    </row>
    <row r="2" spans="2:64" s="126" customFormat="1" ht="20.25" customHeight="1" x14ac:dyDescent="0.4">
      <c r="C2" s="127"/>
      <c r="D2" s="127"/>
      <c r="E2" s="127"/>
      <c r="F2" s="127"/>
      <c r="G2" s="127"/>
      <c r="J2" s="128"/>
      <c r="L2" s="127"/>
      <c r="M2" s="127"/>
      <c r="N2" s="127"/>
      <c r="O2" s="127"/>
      <c r="P2" s="127"/>
      <c r="Q2" s="127"/>
      <c r="R2" s="127"/>
      <c r="Y2" s="130" t="s">
        <v>6</v>
      </c>
      <c r="Z2" s="303">
        <v>6</v>
      </c>
      <c r="AA2" s="303"/>
      <c r="AB2" s="130" t="s">
        <v>3</v>
      </c>
      <c r="AC2" s="443">
        <f>IF(Z2=0,"",YEAR(DATE(2018+Z2,1,1)))</f>
        <v>2024</v>
      </c>
      <c r="AD2" s="443"/>
      <c r="AE2" s="131" t="s">
        <v>7</v>
      </c>
      <c r="AF2" s="131" t="s">
        <v>8</v>
      </c>
      <c r="AG2" s="303">
        <v>4</v>
      </c>
      <c r="AH2" s="303"/>
      <c r="AI2" s="131" t="s">
        <v>9</v>
      </c>
      <c r="AM2" s="129"/>
      <c r="AN2" s="130"/>
      <c r="AO2" s="130" t="s">
        <v>180</v>
      </c>
      <c r="AP2" s="303"/>
      <c r="AQ2" s="303"/>
      <c r="AR2" s="303"/>
      <c r="AS2" s="303"/>
      <c r="AT2" s="303"/>
      <c r="AU2" s="303"/>
      <c r="AV2" s="303"/>
      <c r="AW2" s="303"/>
      <c r="AX2" s="303"/>
      <c r="AY2" s="303"/>
      <c r="AZ2" s="303"/>
      <c r="BA2" s="303"/>
      <c r="BB2" s="303"/>
      <c r="BC2" s="303"/>
      <c r="BD2" s="303"/>
      <c r="BE2" s="303"/>
      <c r="BF2" s="130" t="s">
        <v>5</v>
      </c>
    </row>
    <row r="3" spans="2:64" s="131" customFormat="1" ht="20.25" customHeight="1" x14ac:dyDescent="0.4">
      <c r="G3" s="128"/>
      <c r="J3" s="128"/>
      <c r="L3" s="130"/>
      <c r="M3" s="130"/>
      <c r="N3" s="130"/>
      <c r="O3" s="130"/>
      <c r="P3" s="130"/>
      <c r="Q3" s="130"/>
      <c r="R3" s="130"/>
      <c r="Z3" s="132"/>
      <c r="AA3" s="132"/>
      <c r="AB3" s="132"/>
      <c r="AC3" s="133"/>
      <c r="AD3" s="132"/>
      <c r="BA3" s="134" t="s">
        <v>11</v>
      </c>
      <c r="BB3" s="435" t="s">
        <v>12</v>
      </c>
      <c r="BC3" s="436"/>
      <c r="BD3" s="436"/>
      <c r="BE3" s="437"/>
      <c r="BF3" s="130"/>
    </row>
    <row r="4" spans="2:64" s="131" customFormat="1" ht="18.75" x14ac:dyDescent="0.4">
      <c r="G4" s="128"/>
      <c r="J4" s="128"/>
      <c r="L4" s="130"/>
      <c r="M4" s="130"/>
      <c r="N4" s="130"/>
      <c r="O4" s="130"/>
      <c r="P4" s="130"/>
      <c r="Q4" s="130"/>
      <c r="R4" s="130"/>
      <c r="Z4" s="135"/>
      <c r="AA4" s="135"/>
      <c r="AG4" s="126"/>
      <c r="AH4" s="126"/>
      <c r="AI4" s="126"/>
      <c r="AJ4" s="126"/>
      <c r="AK4" s="126"/>
      <c r="AL4" s="126"/>
      <c r="AM4" s="126"/>
      <c r="AN4" s="126"/>
      <c r="AO4" s="126"/>
      <c r="AP4" s="126"/>
      <c r="AQ4" s="126"/>
      <c r="AR4" s="126"/>
      <c r="AS4" s="126"/>
      <c r="AT4" s="126"/>
      <c r="AU4" s="126"/>
      <c r="AV4" s="126"/>
      <c r="AW4" s="126"/>
      <c r="AX4" s="126"/>
      <c r="AY4" s="126"/>
      <c r="AZ4" s="126"/>
      <c r="BA4" s="134" t="s">
        <v>13</v>
      </c>
      <c r="BB4" s="435" t="s">
        <v>14</v>
      </c>
      <c r="BC4" s="436"/>
      <c r="BD4" s="436"/>
      <c r="BE4" s="437"/>
      <c r="BF4" s="136"/>
    </row>
    <row r="5" spans="2:64" s="131" customFormat="1" ht="6.75" customHeight="1" x14ac:dyDescent="0.4">
      <c r="C5" s="126"/>
      <c r="D5" s="126"/>
      <c r="E5" s="126"/>
      <c r="F5" s="126"/>
      <c r="G5" s="127"/>
      <c r="H5" s="126"/>
      <c r="I5" s="126"/>
      <c r="J5" s="127"/>
      <c r="K5" s="126"/>
      <c r="L5" s="136"/>
      <c r="M5" s="136"/>
      <c r="N5" s="136"/>
      <c r="O5" s="136"/>
      <c r="P5" s="136"/>
      <c r="Q5" s="136"/>
      <c r="R5" s="136"/>
      <c r="S5" s="126"/>
      <c r="T5" s="126"/>
      <c r="U5" s="126"/>
      <c r="V5" s="126"/>
      <c r="W5" s="126"/>
      <c r="X5" s="126"/>
      <c r="Y5" s="126"/>
      <c r="Z5" s="137"/>
      <c r="AA5" s="137"/>
      <c r="AB5" s="126"/>
      <c r="AC5" s="126"/>
      <c r="AD5" s="126"/>
      <c r="AE5" s="126"/>
      <c r="AG5" s="126"/>
      <c r="AH5" s="126"/>
      <c r="AI5" s="126"/>
      <c r="AJ5" s="126"/>
      <c r="AK5" s="126"/>
      <c r="AL5" s="126"/>
      <c r="AM5" s="126"/>
      <c r="AN5" s="126"/>
      <c r="AO5" s="126"/>
      <c r="AP5" s="126"/>
      <c r="AQ5" s="126"/>
      <c r="AR5" s="126"/>
      <c r="AS5" s="126"/>
      <c r="AT5" s="126"/>
      <c r="AU5" s="126"/>
      <c r="AV5" s="126"/>
      <c r="AW5" s="126"/>
      <c r="AX5" s="126"/>
      <c r="AY5" s="126"/>
      <c r="AZ5" s="126"/>
      <c r="BA5" s="126"/>
      <c r="BB5" s="126"/>
      <c r="BC5" s="126"/>
      <c r="BD5" s="126"/>
      <c r="BE5" s="136"/>
      <c r="BF5" s="136"/>
    </row>
    <row r="6" spans="2:64" s="131" customFormat="1" ht="20.25" customHeight="1" x14ac:dyDescent="0.4">
      <c r="C6" s="126"/>
      <c r="D6" s="126"/>
      <c r="E6" s="126"/>
      <c r="F6" s="126"/>
      <c r="G6" s="127"/>
      <c r="H6" s="126"/>
      <c r="I6" s="126"/>
      <c r="J6" s="127"/>
      <c r="K6" s="126"/>
      <c r="L6" s="136"/>
      <c r="M6" s="136"/>
      <c r="N6" s="136"/>
      <c r="O6" s="136"/>
      <c r="P6" s="136"/>
      <c r="Q6" s="136"/>
      <c r="R6" s="136"/>
      <c r="S6" s="126"/>
      <c r="T6" s="126"/>
      <c r="U6" s="126"/>
      <c r="V6" s="126"/>
      <c r="W6" s="126"/>
      <c r="X6" s="126"/>
      <c r="Y6" s="126"/>
      <c r="Z6" s="137"/>
      <c r="AA6" s="137"/>
      <c r="AB6" s="126"/>
      <c r="AC6" s="126"/>
      <c r="AD6" s="126"/>
      <c r="AE6" s="126"/>
      <c r="AG6" s="126"/>
      <c r="AH6" s="126"/>
      <c r="AI6" s="126"/>
      <c r="AJ6" s="126"/>
      <c r="AK6" s="126"/>
      <c r="AL6" s="126" t="s">
        <v>15</v>
      </c>
      <c r="AM6" s="126"/>
      <c r="AN6" s="126"/>
      <c r="AO6" s="126"/>
      <c r="AP6" s="126"/>
      <c r="AQ6" s="126"/>
      <c r="AR6" s="126"/>
      <c r="AS6" s="126"/>
      <c r="AT6" s="138"/>
      <c r="AU6" s="138"/>
      <c r="AV6" s="139"/>
      <c r="AW6" s="126"/>
      <c r="AX6" s="319">
        <v>40</v>
      </c>
      <c r="AY6" s="320"/>
      <c r="AZ6" s="139" t="s">
        <v>16</v>
      </c>
      <c r="BA6" s="126"/>
      <c r="BB6" s="319">
        <v>160</v>
      </c>
      <c r="BC6" s="320"/>
      <c r="BD6" s="139" t="s">
        <v>17</v>
      </c>
      <c r="BE6" s="126"/>
      <c r="BF6" s="136"/>
    </row>
    <row r="7" spans="2:64" s="131" customFormat="1" ht="6.75" customHeight="1" x14ac:dyDescent="0.4">
      <c r="C7" s="126"/>
      <c r="D7" s="126"/>
      <c r="E7" s="126"/>
      <c r="F7" s="126"/>
      <c r="G7" s="127"/>
      <c r="H7" s="126"/>
      <c r="I7" s="126"/>
      <c r="J7" s="127"/>
      <c r="K7" s="126"/>
      <c r="L7" s="136"/>
      <c r="M7" s="136"/>
      <c r="N7" s="136"/>
      <c r="O7" s="136"/>
      <c r="P7" s="136"/>
      <c r="Q7" s="136"/>
      <c r="R7" s="136"/>
      <c r="S7" s="126"/>
      <c r="T7" s="126"/>
      <c r="U7" s="126"/>
      <c r="V7" s="126"/>
      <c r="W7" s="126"/>
      <c r="X7" s="126"/>
      <c r="Y7" s="126"/>
      <c r="Z7" s="137"/>
      <c r="AA7" s="137"/>
      <c r="AB7" s="126"/>
      <c r="AC7" s="126"/>
      <c r="AD7" s="126"/>
      <c r="AE7" s="126"/>
      <c r="AG7" s="126"/>
      <c r="AH7" s="126"/>
      <c r="AI7" s="126"/>
      <c r="AJ7" s="126"/>
      <c r="AK7" s="126"/>
      <c r="AL7" s="126"/>
      <c r="AM7" s="126"/>
      <c r="AN7" s="126"/>
      <c r="AO7" s="126"/>
      <c r="AP7" s="126"/>
      <c r="AQ7" s="126"/>
      <c r="AR7" s="126"/>
      <c r="AS7" s="126"/>
      <c r="AT7" s="126"/>
      <c r="AU7" s="126"/>
      <c r="AV7" s="126"/>
      <c r="AW7" s="126"/>
      <c r="AX7" s="126"/>
      <c r="AY7" s="126"/>
      <c r="AZ7" s="126"/>
      <c r="BA7" s="126"/>
      <c r="BB7" s="126"/>
      <c r="BC7" s="126"/>
      <c r="BD7" s="126"/>
      <c r="BE7" s="136"/>
      <c r="BF7" s="136"/>
    </row>
    <row r="8" spans="2:64" s="131" customFormat="1" ht="20.25" customHeight="1" x14ac:dyDescent="0.4">
      <c r="B8" s="140"/>
      <c r="C8" s="140"/>
      <c r="D8" s="140"/>
      <c r="E8" s="140"/>
      <c r="F8" s="140"/>
      <c r="G8" s="141"/>
      <c r="H8" s="141"/>
      <c r="I8" s="141"/>
      <c r="J8" s="140"/>
      <c r="K8" s="140"/>
      <c r="L8" s="141"/>
      <c r="M8" s="141"/>
      <c r="N8" s="141"/>
      <c r="O8" s="140"/>
      <c r="P8" s="141"/>
      <c r="Q8" s="141"/>
      <c r="R8" s="141"/>
      <c r="S8" s="142"/>
      <c r="T8" s="143"/>
      <c r="U8" s="143"/>
      <c r="V8" s="144"/>
      <c r="Z8" s="137"/>
      <c r="AA8" s="145"/>
      <c r="AB8" s="127"/>
      <c r="AC8" s="137"/>
      <c r="AD8" s="137"/>
      <c r="AE8" s="137"/>
      <c r="AF8" s="135"/>
      <c r="AG8" s="146"/>
      <c r="AH8" s="146"/>
      <c r="AI8" s="146"/>
      <c r="AJ8" s="126"/>
      <c r="AK8" s="136"/>
      <c r="AL8" s="145"/>
      <c r="AM8" s="145"/>
      <c r="AN8" s="127"/>
      <c r="AO8" s="138"/>
      <c r="AP8" s="138"/>
      <c r="AQ8" s="138"/>
      <c r="AR8" s="147"/>
      <c r="AS8" s="147"/>
      <c r="AT8" s="126"/>
      <c r="AU8" s="148"/>
      <c r="AV8" s="148"/>
      <c r="AW8" s="140"/>
      <c r="AX8" s="126"/>
      <c r="AY8" s="126" t="s">
        <v>18</v>
      </c>
      <c r="AZ8" s="126"/>
      <c r="BA8" s="126"/>
      <c r="BB8" s="438">
        <f>DAY(EOMONTH(DATE(AC2,AG2,1),0))</f>
        <v>30</v>
      </c>
      <c r="BC8" s="439"/>
      <c r="BD8" s="126" t="s">
        <v>19</v>
      </c>
      <c r="BE8" s="126"/>
      <c r="BF8" s="126"/>
      <c r="BJ8" s="130"/>
      <c r="BK8" s="130"/>
      <c r="BL8" s="130"/>
    </row>
    <row r="9" spans="2:64" s="131" customFormat="1" ht="6" customHeight="1" x14ac:dyDescent="0.4">
      <c r="B9" s="138"/>
      <c r="C9" s="138"/>
      <c r="D9" s="138"/>
      <c r="E9" s="138"/>
      <c r="F9" s="138"/>
      <c r="G9" s="140"/>
      <c r="H9" s="141"/>
      <c r="I9" s="138"/>
      <c r="J9" s="138"/>
      <c r="K9" s="138"/>
      <c r="L9" s="140"/>
      <c r="M9" s="141"/>
      <c r="N9" s="138"/>
      <c r="O9" s="138"/>
      <c r="P9" s="140"/>
      <c r="Q9" s="138"/>
      <c r="R9" s="138"/>
      <c r="S9" s="138"/>
      <c r="T9" s="138"/>
      <c r="U9" s="138"/>
      <c r="V9" s="138"/>
      <c r="Z9" s="126"/>
      <c r="AA9" s="126"/>
      <c r="AB9" s="126"/>
      <c r="AC9" s="126"/>
      <c r="AD9" s="126"/>
      <c r="AE9" s="126"/>
      <c r="AG9" s="137"/>
      <c r="AH9" s="126"/>
      <c r="AI9" s="126"/>
      <c r="AJ9" s="146"/>
      <c r="AK9" s="126"/>
      <c r="AL9" s="126"/>
      <c r="AM9" s="126"/>
      <c r="AN9" s="126"/>
      <c r="AO9" s="126"/>
      <c r="AP9" s="126"/>
      <c r="AQ9" s="137"/>
      <c r="AR9" s="137"/>
      <c r="AS9" s="137"/>
      <c r="AT9" s="126"/>
      <c r="AU9" s="126"/>
      <c r="AV9" s="126"/>
      <c r="AW9" s="126"/>
      <c r="AX9" s="126"/>
      <c r="AY9" s="126"/>
      <c r="AZ9" s="126"/>
      <c r="BA9" s="126"/>
      <c r="BB9" s="126"/>
      <c r="BC9" s="126"/>
      <c r="BD9" s="126"/>
      <c r="BE9" s="126"/>
      <c r="BF9" s="126"/>
      <c r="BJ9" s="130"/>
      <c r="BK9" s="130"/>
      <c r="BL9" s="130"/>
    </row>
    <row r="10" spans="2:64" s="131" customFormat="1" ht="18.75" x14ac:dyDescent="0.2">
      <c r="B10" s="140"/>
      <c r="C10" s="140"/>
      <c r="D10" s="140"/>
      <c r="E10" s="140"/>
      <c r="F10" s="140"/>
      <c r="G10" s="141"/>
      <c r="H10" s="141"/>
      <c r="I10" s="141"/>
      <c r="J10" s="140"/>
      <c r="K10" s="140"/>
      <c r="L10" s="141"/>
      <c r="M10" s="141"/>
      <c r="N10" s="141"/>
      <c r="O10" s="140"/>
      <c r="P10" s="141"/>
      <c r="Q10" s="141"/>
      <c r="R10" s="141"/>
      <c r="S10" s="142"/>
      <c r="T10" s="143"/>
      <c r="U10" s="143"/>
      <c r="V10" s="144"/>
      <c r="Z10" s="137"/>
      <c r="AA10" s="145"/>
      <c r="AB10" s="127"/>
      <c r="AC10" s="137"/>
      <c r="AD10" s="137"/>
      <c r="AE10" s="137"/>
      <c r="AG10" s="146"/>
      <c r="AH10" s="146"/>
      <c r="AI10" s="146"/>
      <c r="AJ10" s="126"/>
      <c r="AK10" s="136"/>
      <c r="AL10" s="145"/>
      <c r="AM10" s="126"/>
      <c r="AN10" s="126"/>
      <c r="AO10" s="149"/>
      <c r="AP10" s="149"/>
      <c r="AQ10" s="149"/>
      <c r="AR10" s="139"/>
      <c r="AS10" s="137"/>
      <c r="AT10" s="137"/>
      <c r="AU10" s="137"/>
      <c r="AV10" s="126"/>
      <c r="AW10" s="126"/>
      <c r="AX10" s="150"/>
      <c r="AY10" s="150"/>
      <c r="AZ10" s="136" t="s">
        <v>181</v>
      </c>
      <c r="BA10" s="126"/>
      <c r="BB10" s="319">
        <v>1</v>
      </c>
      <c r="BC10" s="440"/>
      <c r="BD10" s="320"/>
      <c r="BE10" s="151" t="s">
        <v>182</v>
      </c>
      <c r="BF10" s="126"/>
      <c r="BJ10" s="130"/>
      <c r="BK10" s="130"/>
      <c r="BL10" s="130"/>
    </row>
    <row r="11" spans="2:64" s="131" customFormat="1" ht="6" customHeight="1" x14ac:dyDescent="0.2">
      <c r="B11" s="138"/>
      <c r="C11" s="138"/>
      <c r="D11" s="138"/>
      <c r="E11" s="138"/>
      <c r="F11" s="132"/>
      <c r="G11" s="138"/>
      <c r="H11" s="138"/>
      <c r="I11" s="138"/>
      <c r="J11" s="138"/>
      <c r="K11" s="140"/>
      <c r="L11" s="141"/>
      <c r="M11" s="138"/>
      <c r="N11" s="138"/>
      <c r="O11" s="140"/>
      <c r="P11" s="138"/>
      <c r="Q11" s="138"/>
      <c r="R11" s="138"/>
      <c r="S11" s="138"/>
      <c r="T11" s="138"/>
      <c r="U11" s="138"/>
      <c r="V11" s="132"/>
      <c r="Z11" s="126"/>
      <c r="AA11" s="126"/>
      <c r="AB11" s="126"/>
      <c r="AC11" s="126"/>
      <c r="AD11" s="126"/>
      <c r="AE11" s="126"/>
      <c r="AG11" s="137"/>
      <c r="AH11" s="146"/>
      <c r="AI11" s="126"/>
      <c r="AJ11" s="146"/>
      <c r="AK11" s="126"/>
      <c r="AL11" s="126"/>
      <c r="AM11" s="126"/>
      <c r="AN11" s="126"/>
      <c r="AO11" s="138"/>
      <c r="AP11" s="138"/>
      <c r="AQ11" s="140"/>
      <c r="AR11" s="152"/>
      <c r="AS11" s="137"/>
      <c r="AT11" s="137"/>
      <c r="AU11" s="137"/>
      <c r="AV11" s="126"/>
      <c r="AW11" s="126"/>
      <c r="AX11" s="150"/>
      <c r="AY11" s="150"/>
      <c r="AZ11" s="126"/>
      <c r="BA11" s="126"/>
      <c r="BB11" s="137"/>
      <c r="BC11" s="137"/>
      <c r="BD11" s="137"/>
      <c r="BE11" s="151"/>
      <c r="BF11" s="126"/>
      <c r="BJ11" s="130"/>
      <c r="BK11" s="130"/>
      <c r="BL11" s="130"/>
    </row>
    <row r="12" spans="2:64" s="131" customFormat="1" ht="20.25" customHeight="1" x14ac:dyDescent="0.2">
      <c r="B12" s="153"/>
      <c r="C12" s="153"/>
      <c r="D12" s="153"/>
      <c r="E12" s="153"/>
      <c r="F12" s="153"/>
      <c r="G12" s="153"/>
      <c r="H12" s="153"/>
      <c r="I12" s="153"/>
      <c r="J12" s="153"/>
      <c r="K12" s="153"/>
      <c r="L12" s="153"/>
      <c r="M12" s="153"/>
      <c r="N12" s="153"/>
      <c r="O12" s="153"/>
      <c r="P12" s="153"/>
      <c r="Q12" s="153"/>
      <c r="R12" s="153"/>
      <c r="S12" s="153"/>
      <c r="T12" s="153"/>
      <c r="U12" s="153"/>
      <c r="V12" s="153"/>
      <c r="Z12" s="140"/>
      <c r="AA12" s="154"/>
      <c r="AB12" s="154"/>
      <c r="AC12" s="140"/>
      <c r="AD12" s="137"/>
      <c r="AE12" s="137"/>
      <c r="AF12" s="135"/>
      <c r="AG12" s="127"/>
      <c r="AH12" s="146"/>
      <c r="AI12" s="126"/>
      <c r="AJ12" s="146"/>
      <c r="AK12" s="126"/>
      <c r="AL12" s="126"/>
      <c r="AM12" s="126"/>
      <c r="AN12" s="126"/>
      <c r="AO12" s="441"/>
      <c r="AP12" s="441"/>
      <c r="AQ12" s="441"/>
      <c r="AR12" s="139"/>
      <c r="AS12" s="137"/>
      <c r="AT12" s="137"/>
      <c r="AU12" s="137"/>
      <c r="AV12" s="126"/>
      <c r="AW12" s="126"/>
      <c r="AX12" s="150"/>
      <c r="AY12" s="150"/>
      <c r="AZ12" s="126"/>
      <c r="BA12" s="126"/>
      <c r="BB12" s="319">
        <v>1</v>
      </c>
      <c r="BC12" s="440"/>
      <c r="BD12" s="320"/>
      <c r="BE12" s="155" t="s">
        <v>183</v>
      </c>
      <c r="BF12" s="126"/>
      <c r="BJ12" s="130"/>
      <c r="BK12" s="130"/>
      <c r="BL12" s="130"/>
    </row>
    <row r="13" spans="2:64" s="131" customFormat="1" ht="6.75" customHeight="1" x14ac:dyDescent="0.2">
      <c r="B13" s="153"/>
      <c r="C13" s="153"/>
      <c r="D13" s="153"/>
      <c r="E13" s="153"/>
      <c r="F13" s="153"/>
      <c r="G13" s="153"/>
      <c r="H13" s="153"/>
      <c r="I13" s="153"/>
      <c r="J13" s="153"/>
      <c r="K13" s="153"/>
      <c r="L13" s="153"/>
      <c r="M13" s="153"/>
      <c r="N13" s="153"/>
      <c r="O13" s="153"/>
      <c r="P13" s="153"/>
      <c r="Q13" s="153"/>
      <c r="R13" s="153"/>
      <c r="S13" s="153"/>
      <c r="T13" s="153"/>
      <c r="U13" s="153"/>
      <c r="V13" s="153"/>
      <c r="Z13" s="141"/>
      <c r="AA13" s="156"/>
      <c r="AB13" s="156"/>
      <c r="AC13" s="141"/>
      <c r="AD13" s="146"/>
      <c r="AE13" s="146"/>
      <c r="AG13" s="126"/>
      <c r="AH13" s="126"/>
      <c r="AI13" s="126"/>
      <c r="AJ13" s="126"/>
      <c r="AK13" s="126"/>
      <c r="AL13" s="126"/>
      <c r="AM13" s="126"/>
      <c r="AN13" s="126"/>
      <c r="AO13" s="138"/>
      <c r="AP13" s="138"/>
      <c r="AQ13" s="138"/>
      <c r="AR13" s="126"/>
      <c r="AS13" s="137"/>
      <c r="AT13" s="137"/>
      <c r="AU13" s="137"/>
      <c r="AV13" s="126"/>
      <c r="AW13" s="126"/>
      <c r="AX13" s="150"/>
      <c r="AY13" s="150"/>
      <c r="AZ13" s="126"/>
      <c r="BA13" s="126"/>
      <c r="BB13" s="137"/>
      <c r="BC13" s="137"/>
      <c r="BD13" s="137"/>
      <c r="BE13" s="151"/>
      <c r="BF13" s="126"/>
      <c r="BJ13" s="130"/>
      <c r="BK13" s="130"/>
      <c r="BL13" s="130"/>
    </row>
    <row r="14" spans="2:64" s="131" customFormat="1" ht="18.75" x14ac:dyDescent="0.4">
      <c r="B14" s="153"/>
      <c r="C14" s="153"/>
      <c r="D14" s="153"/>
      <c r="E14" s="153"/>
      <c r="F14" s="153"/>
      <c r="G14" s="153"/>
      <c r="H14" s="153"/>
      <c r="I14" s="153"/>
      <c r="J14" s="153"/>
      <c r="K14" s="153"/>
      <c r="L14" s="153"/>
      <c r="M14" s="153"/>
      <c r="N14" s="153"/>
      <c r="O14" s="153"/>
      <c r="P14" s="153"/>
      <c r="Q14" s="153"/>
      <c r="R14" s="153"/>
      <c r="S14" s="153"/>
      <c r="T14" s="153"/>
      <c r="U14" s="153"/>
      <c r="V14" s="153"/>
      <c r="Z14" s="140"/>
      <c r="AA14" s="154"/>
      <c r="AB14" s="154"/>
      <c r="AC14" s="140"/>
      <c r="AD14" s="137"/>
      <c r="AE14" s="137"/>
      <c r="AG14" s="126"/>
      <c r="AH14" s="126"/>
      <c r="AI14" s="126"/>
      <c r="AJ14" s="126"/>
      <c r="AK14" s="126"/>
      <c r="AL14" s="126"/>
      <c r="AM14" s="126"/>
      <c r="AN14" s="126"/>
      <c r="AO14" s="138"/>
      <c r="AP14" s="138"/>
      <c r="AQ14" s="138"/>
      <c r="AR14" s="126"/>
      <c r="AS14" s="137"/>
      <c r="AT14" s="136" t="s">
        <v>184</v>
      </c>
      <c r="AU14" s="444"/>
      <c r="AV14" s="445"/>
      <c r="AW14" s="446"/>
      <c r="AX14" s="137" t="s">
        <v>142</v>
      </c>
      <c r="AY14" s="444"/>
      <c r="AZ14" s="445"/>
      <c r="BA14" s="446"/>
      <c r="BB14" s="136" t="s">
        <v>185</v>
      </c>
      <c r="BC14" s="447">
        <f>(AY14-AU14)*24</f>
        <v>0</v>
      </c>
      <c r="BD14" s="448"/>
      <c r="BE14" s="127" t="s">
        <v>186</v>
      </c>
      <c r="BF14" s="137"/>
      <c r="BJ14" s="130"/>
      <c r="BK14" s="130"/>
      <c r="BL14" s="130"/>
    </row>
    <row r="15" spans="2:64" s="131" customFormat="1" ht="6.75" customHeight="1" x14ac:dyDescent="0.15">
      <c r="C15" s="147"/>
      <c r="D15" s="147"/>
      <c r="E15" s="147"/>
      <c r="F15" s="147"/>
      <c r="G15" s="126"/>
      <c r="H15" s="126"/>
      <c r="I15" s="136"/>
      <c r="J15" s="137"/>
      <c r="K15" s="146"/>
      <c r="L15" s="126"/>
      <c r="M15" s="126"/>
      <c r="N15" s="137"/>
      <c r="O15" s="126"/>
      <c r="P15" s="126"/>
      <c r="Q15" s="146"/>
      <c r="R15" s="126"/>
      <c r="S15" s="126"/>
      <c r="T15" s="126"/>
      <c r="U15" s="126"/>
      <c r="V15" s="126"/>
      <c r="W15" s="136"/>
      <c r="X15" s="137"/>
      <c r="Y15" s="137"/>
      <c r="Z15" s="127"/>
      <c r="AA15" s="137"/>
      <c r="AB15" s="136"/>
      <c r="AC15" s="137"/>
      <c r="AD15" s="146"/>
      <c r="AE15" s="126"/>
      <c r="AG15" s="135"/>
      <c r="AH15" s="157"/>
      <c r="AJ15" s="157"/>
      <c r="AQ15" s="135"/>
      <c r="AR15" s="135"/>
      <c r="AS15" s="135"/>
      <c r="AT15" s="135"/>
      <c r="AU15" s="135"/>
      <c r="AX15" s="158"/>
      <c r="AY15" s="158"/>
      <c r="BB15" s="135"/>
      <c r="BC15" s="135"/>
      <c r="BD15" s="135"/>
      <c r="BE15" s="159"/>
      <c r="BJ15" s="130"/>
      <c r="BK15" s="130"/>
      <c r="BL15" s="130"/>
    </row>
    <row r="16" spans="2:64" ht="8.4499999999999993" customHeight="1" thickBot="1" x14ac:dyDescent="0.45">
      <c r="C16" s="156"/>
      <c r="D16" s="156"/>
      <c r="E16" s="156"/>
      <c r="F16" s="156"/>
      <c r="G16" s="156"/>
      <c r="X16" s="156"/>
      <c r="AN16" s="156"/>
      <c r="BE16" s="160"/>
      <c r="BF16" s="160"/>
      <c r="BG16" s="160"/>
    </row>
    <row r="17" spans="2:58" ht="20.25" customHeight="1" x14ac:dyDescent="0.4">
      <c r="B17" s="449" t="s">
        <v>20</v>
      </c>
      <c r="C17" s="452" t="s">
        <v>187</v>
      </c>
      <c r="D17" s="453"/>
      <c r="E17" s="454"/>
      <c r="F17" s="161"/>
      <c r="G17" s="461" t="s">
        <v>188</v>
      </c>
      <c r="H17" s="464" t="s">
        <v>189</v>
      </c>
      <c r="I17" s="453"/>
      <c r="J17" s="453"/>
      <c r="K17" s="454"/>
      <c r="L17" s="464" t="s">
        <v>190</v>
      </c>
      <c r="M17" s="453"/>
      <c r="N17" s="453"/>
      <c r="O17" s="467"/>
      <c r="P17" s="470"/>
      <c r="Q17" s="471"/>
      <c r="R17" s="472"/>
      <c r="S17" s="479" t="s">
        <v>191</v>
      </c>
      <c r="T17" s="480"/>
      <c r="U17" s="480"/>
      <c r="V17" s="480"/>
      <c r="W17" s="480"/>
      <c r="X17" s="480"/>
      <c r="Y17" s="480"/>
      <c r="Z17" s="480"/>
      <c r="AA17" s="480"/>
      <c r="AB17" s="480"/>
      <c r="AC17" s="480"/>
      <c r="AD17" s="480"/>
      <c r="AE17" s="480"/>
      <c r="AF17" s="480"/>
      <c r="AG17" s="480"/>
      <c r="AH17" s="480"/>
      <c r="AI17" s="480"/>
      <c r="AJ17" s="480"/>
      <c r="AK17" s="480"/>
      <c r="AL17" s="480"/>
      <c r="AM17" s="480"/>
      <c r="AN17" s="480"/>
      <c r="AO17" s="480"/>
      <c r="AP17" s="480"/>
      <c r="AQ17" s="480"/>
      <c r="AR17" s="480"/>
      <c r="AS17" s="480"/>
      <c r="AT17" s="480"/>
      <c r="AU17" s="480"/>
      <c r="AV17" s="480"/>
      <c r="AW17" s="481"/>
      <c r="AX17" s="509" t="str">
        <f>IF(BB3="４週","(11) 1～4週目の勤務時間数合計","(11) 1か月の勤務時間数   合計")</f>
        <v>(11) 1～4週目の勤務時間数合計</v>
      </c>
      <c r="AY17" s="510"/>
      <c r="AZ17" s="515" t="s">
        <v>192</v>
      </c>
      <c r="BA17" s="516"/>
      <c r="BB17" s="521" t="s">
        <v>193</v>
      </c>
      <c r="BC17" s="522"/>
      <c r="BD17" s="522"/>
      <c r="BE17" s="522"/>
      <c r="BF17" s="523"/>
    </row>
    <row r="18" spans="2:58" ht="20.25" customHeight="1" x14ac:dyDescent="0.4">
      <c r="B18" s="450"/>
      <c r="C18" s="455"/>
      <c r="D18" s="456"/>
      <c r="E18" s="457"/>
      <c r="F18" s="162"/>
      <c r="G18" s="462"/>
      <c r="H18" s="465"/>
      <c r="I18" s="456"/>
      <c r="J18" s="456"/>
      <c r="K18" s="457"/>
      <c r="L18" s="465"/>
      <c r="M18" s="456"/>
      <c r="N18" s="456"/>
      <c r="O18" s="468"/>
      <c r="P18" s="473"/>
      <c r="Q18" s="474"/>
      <c r="R18" s="475"/>
      <c r="S18" s="530" t="s">
        <v>28</v>
      </c>
      <c r="T18" s="531"/>
      <c r="U18" s="531"/>
      <c r="V18" s="531"/>
      <c r="W18" s="531"/>
      <c r="X18" s="531"/>
      <c r="Y18" s="532"/>
      <c r="Z18" s="530" t="s">
        <v>29</v>
      </c>
      <c r="AA18" s="531"/>
      <c r="AB18" s="531"/>
      <c r="AC18" s="531"/>
      <c r="AD18" s="531"/>
      <c r="AE18" s="531"/>
      <c r="AF18" s="532"/>
      <c r="AG18" s="530" t="s">
        <v>30</v>
      </c>
      <c r="AH18" s="531"/>
      <c r="AI18" s="531"/>
      <c r="AJ18" s="531"/>
      <c r="AK18" s="531"/>
      <c r="AL18" s="531"/>
      <c r="AM18" s="532"/>
      <c r="AN18" s="530" t="s">
        <v>31</v>
      </c>
      <c r="AO18" s="531"/>
      <c r="AP18" s="531"/>
      <c r="AQ18" s="531"/>
      <c r="AR18" s="531"/>
      <c r="AS18" s="531"/>
      <c r="AT18" s="532"/>
      <c r="AU18" s="533" t="s">
        <v>32</v>
      </c>
      <c r="AV18" s="534"/>
      <c r="AW18" s="535"/>
      <c r="AX18" s="511"/>
      <c r="AY18" s="512"/>
      <c r="AZ18" s="517"/>
      <c r="BA18" s="518"/>
      <c r="BB18" s="524"/>
      <c r="BC18" s="525"/>
      <c r="BD18" s="525"/>
      <c r="BE18" s="525"/>
      <c r="BF18" s="526"/>
    </row>
    <row r="19" spans="2:58" ht="20.25" customHeight="1" x14ac:dyDescent="0.4">
      <c r="B19" s="450"/>
      <c r="C19" s="455"/>
      <c r="D19" s="456"/>
      <c r="E19" s="457"/>
      <c r="F19" s="162"/>
      <c r="G19" s="462"/>
      <c r="H19" s="465"/>
      <c r="I19" s="456"/>
      <c r="J19" s="456"/>
      <c r="K19" s="457"/>
      <c r="L19" s="465"/>
      <c r="M19" s="456"/>
      <c r="N19" s="456"/>
      <c r="O19" s="468"/>
      <c r="P19" s="473"/>
      <c r="Q19" s="474"/>
      <c r="R19" s="475"/>
      <c r="S19" s="163">
        <v>1</v>
      </c>
      <c r="T19" s="164">
        <v>2</v>
      </c>
      <c r="U19" s="164">
        <v>3</v>
      </c>
      <c r="V19" s="164">
        <v>4</v>
      </c>
      <c r="W19" s="164">
        <v>5</v>
      </c>
      <c r="X19" s="164">
        <v>6</v>
      </c>
      <c r="Y19" s="165">
        <v>7</v>
      </c>
      <c r="Z19" s="163">
        <v>8</v>
      </c>
      <c r="AA19" s="164">
        <v>9</v>
      </c>
      <c r="AB19" s="164">
        <v>10</v>
      </c>
      <c r="AC19" s="164">
        <v>11</v>
      </c>
      <c r="AD19" s="164">
        <v>12</v>
      </c>
      <c r="AE19" s="164">
        <v>13</v>
      </c>
      <c r="AF19" s="165">
        <v>14</v>
      </c>
      <c r="AG19" s="166">
        <v>15</v>
      </c>
      <c r="AH19" s="164">
        <v>16</v>
      </c>
      <c r="AI19" s="164">
        <v>17</v>
      </c>
      <c r="AJ19" s="164">
        <v>18</v>
      </c>
      <c r="AK19" s="164">
        <v>19</v>
      </c>
      <c r="AL19" s="164">
        <v>20</v>
      </c>
      <c r="AM19" s="165">
        <v>21</v>
      </c>
      <c r="AN19" s="163">
        <v>22</v>
      </c>
      <c r="AO19" s="164">
        <v>23</v>
      </c>
      <c r="AP19" s="164">
        <v>24</v>
      </c>
      <c r="AQ19" s="164">
        <v>25</v>
      </c>
      <c r="AR19" s="164">
        <v>26</v>
      </c>
      <c r="AS19" s="164">
        <v>27</v>
      </c>
      <c r="AT19" s="165">
        <v>28</v>
      </c>
      <c r="AU19" s="163" t="str">
        <f>IF($BB$3="暦月",IF(DAY(DATE($AC$2,$AG$2,29))=29,29,""),"")</f>
        <v/>
      </c>
      <c r="AV19" s="164" t="str">
        <f>IF($BB$3="暦月",IF(DAY(DATE($AC$2,$AG$2,30))=30,30,""),"")</f>
        <v/>
      </c>
      <c r="AW19" s="165" t="str">
        <f>IF($BB$3="暦月",IF(DAY(DATE($AC$2,$AG$2,31))=31,31,""),"")</f>
        <v/>
      </c>
      <c r="AX19" s="511"/>
      <c r="AY19" s="512"/>
      <c r="AZ19" s="517"/>
      <c r="BA19" s="518"/>
      <c r="BB19" s="524"/>
      <c r="BC19" s="525"/>
      <c r="BD19" s="525"/>
      <c r="BE19" s="525"/>
      <c r="BF19" s="526"/>
    </row>
    <row r="20" spans="2:58" ht="20.25" hidden="1" customHeight="1" x14ac:dyDescent="0.4">
      <c r="B20" s="450"/>
      <c r="C20" s="455"/>
      <c r="D20" s="456"/>
      <c r="E20" s="457"/>
      <c r="F20" s="162"/>
      <c r="G20" s="462"/>
      <c r="H20" s="465"/>
      <c r="I20" s="456"/>
      <c r="J20" s="456"/>
      <c r="K20" s="457"/>
      <c r="L20" s="465"/>
      <c r="M20" s="456"/>
      <c r="N20" s="456"/>
      <c r="O20" s="468"/>
      <c r="P20" s="473"/>
      <c r="Q20" s="474"/>
      <c r="R20" s="475"/>
      <c r="S20" s="163">
        <f>WEEKDAY(DATE($AC$2,$AG$2,1))</f>
        <v>2</v>
      </c>
      <c r="T20" s="164">
        <f>WEEKDAY(DATE($AC$2,$AG$2,2))</f>
        <v>3</v>
      </c>
      <c r="U20" s="164">
        <f>WEEKDAY(DATE($AC$2,$AG$2,3))</f>
        <v>4</v>
      </c>
      <c r="V20" s="164">
        <f>WEEKDAY(DATE($AC$2,$AG$2,4))</f>
        <v>5</v>
      </c>
      <c r="W20" s="164">
        <f>WEEKDAY(DATE($AC$2,$AG$2,5))</f>
        <v>6</v>
      </c>
      <c r="X20" s="164">
        <f>WEEKDAY(DATE($AC$2,$AG$2,6))</f>
        <v>7</v>
      </c>
      <c r="Y20" s="165">
        <f>WEEKDAY(DATE($AC$2,$AG$2,7))</f>
        <v>1</v>
      </c>
      <c r="Z20" s="163">
        <f>WEEKDAY(DATE($AC$2,$AG$2,8))</f>
        <v>2</v>
      </c>
      <c r="AA20" s="164">
        <f>WEEKDAY(DATE($AC$2,$AG$2,9))</f>
        <v>3</v>
      </c>
      <c r="AB20" s="164">
        <f>WEEKDAY(DATE($AC$2,$AG$2,10))</f>
        <v>4</v>
      </c>
      <c r="AC20" s="164">
        <f>WEEKDAY(DATE($AC$2,$AG$2,11))</f>
        <v>5</v>
      </c>
      <c r="AD20" s="164">
        <f>WEEKDAY(DATE($AC$2,$AG$2,12))</f>
        <v>6</v>
      </c>
      <c r="AE20" s="164">
        <f>WEEKDAY(DATE($AC$2,$AG$2,13))</f>
        <v>7</v>
      </c>
      <c r="AF20" s="165">
        <f>WEEKDAY(DATE($AC$2,$AG$2,14))</f>
        <v>1</v>
      </c>
      <c r="AG20" s="163">
        <f>WEEKDAY(DATE($AC$2,$AG$2,15))</f>
        <v>2</v>
      </c>
      <c r="AH20" s="164">
        <f>WEEKDAY(DATE($AC$2,$AG$2,16))</f>
        <v>3</v>
      </c>
      <c r="AI20" s="164">
        <f>WEEKDAY(DATE($AC$2,$AG$2,17))</f>
        <v>4</v>
      </c>
      <c r="AJ20" s="164">
        <f>WEEKDAY(DATE($AC$2,$AG$2,18))</f>
        <v>5</v>
      </c>
      <c r="AK20" s="164">
        <f>WEEKDAY(DATE($AC$2,$AG$2,19))</f>
        <v>6</v>
      </c>
      <c r="AL20" s="164">
        <f>WEEKDAY(DATE($AC$2,$AG$2,20))</f>
        <v>7</v>
      </c>
      <c r="AM20" s="165">
        <f>WEEKDAY(DATE($AC$2,$AG$2,21))</f>
        <v>1</v>
      </c>
      <c r="AN20" s="163">
        <f>WEEKDAY(DATE($AC$2,$AG$2,22))</f>
        <v>2</v>
      </c>
      <c r="AO20" s="164">
        <f>WEEKDAY(DATE($AC$2,$AG$2,23))</f>
        <v>3</v>
      </c>
      <c r="AP20" s="164">
        <f>WEEKDAY(DATE($AC$2,$AG$2,24))</f>
        <v>4</v>
      </c>
      <c r="AQ20" s="164">
        <f>WEEKDAY(DATE($AC$2,$AG$2,25))</f>
        <v>5</v>
      </c>
      <c r="AR20" s="164">
        <f>WEEKDAY(DATE($AC$2,$AG$2,26))</f>
        <v>6</v>
      </c>
      <c r="AS20" s="164">
        <f>WEEKDAY(DATE($AC$2,$AG$2,27))</f>
        <v>7</v>
      </c>
      <c r="AT20" s="165">
        <f>WEEKDAY(DATE($AC$2,$AG$2,28))</f>
        <v>1</v>
      </c>
      <c r="AU20" s="163">
        <f>IF(AU19=29,WEEKDAY(DATE($AC$2,$AG$2,29)),0)</f>
        <v>0</v>
      </c>
      <c r="AV20" s="164">
        <f>IF(AV19=30,WEEKDAY(DATE($AC$2,$AG$2,30)),0)</f>
        <v>0</v>
      </c>
      <c r="AW20" s="165">
        <f>IF(AW19=31,WEEKDAY(DATE($AC$2,$AG$2,31)),0)</f>
        <v>0</v>
      </c>
      <c r="AX20" s="511"/>
      <c r="AY20" s="512"/>
      <c r="AZ20" s="517"/>
      <c r="BA20" s="518"/>
      <c r="BB20" s="524"/>
      <c r="BC20" s="525"/>
      <c r="BD20" s="525"/>
      <c r="BE20" s="525"/>
      <c r="BF20" s="526"/>
    </row>
    <row r="21" spans="2:58" ht="22.5" customHeight="1" thickBot="1" x14ac:dyDescent="0.45">
      <c r="B21" s="451"/>
      <c r="C21" s="458"/>
      <c r="D21" s="459"/>
      <c r="E21" s="460"/>
      <c r="F21" s="167"/>
      <c r="G21" s="463"/>
      <c r="H21" s="466"/>
      <c r="I21" s="459"/>
      <c r="J21" s="459"/>
      <c r="K21" s="460"/>
      <c r="L21" s="466"/>
      <c r="M21" s="459"/>
      <c r="N21" s="459"/>
      <c r="O21" s="469"/>
      <c r="P21" s="476"/>
      <c r="Q21" s="477"/>
      <c r="R21" s="478"/>
      <c r="S21" s="168" t="str">
        <f>IF(S20=1,"日",IF(S20=2,"月",IF(S20=3,"火",IF(S20=4,"水",IF(S20=5,"木",IF(S20=6,"金","土"))))))</f>
        <v>月</v>
      </c>
      <c r="T21" s="169" t="str">
        <f t="shared" ref="T21:AT21" si="0">IF(T20=1,"日",IF(T20=2,"月",IF(T20=3,"火",IF(T20=4,"水",IF(T20=5,"木",IF(T20=6,"金","土"))))))</f>
        <v>火</v>
      </c>
      <c r="U21" s="169" t="str">
        <f t="shared" si="0"/>
        <v>水</v>
      </c>
      <c r="V21" s="169" t="str">
        <f t="shared" si="0"/>
        <v>木</v>
      </c>
      <c r="W21" s="169" t="str">
        <f t="shared" si="0"/>
        <v>金</v>
      </c>
      <c r="X21" s="169" t="str">
        <f t="shared" si="0"/>
        <v>土</v>
      </c>
      <c r="Y21" s="170" t="str">
        <f t="shared" si="0"/>
        <v>日</v>
      </c>
      <c r="Z21" s="168" t="str">
        <f>IF(Z20=1,"日",IF(Z20=2,"月",IF(Z20=3,"火",IF(Z20=4,"水",IF(Z20=5,"木",IF(Z20=6,"金","土"))))))</f>
        <v>月</v>
      </c>
      <c r="AA21" s="169" t="str">
        <f t="shared" si="0"/>
        <v>火</v>
      </c>
      <c r="AB21" s="169" t="str">
        <f t="shared" si="0"/>
        <v>水</v>
      </c>
      <c r="AC21" s="169" t="str">
        <f t="shared" si="0"/>
        <v>木</v>
      </c>
      <c r="AD21" s="169" t="str">
        <f t="shared" si="0"/>
        <v>金</v>
      </c>
      <c r="AE21" s="169" t="str">
        <f t="shared" si="0"/>
        <v>土</v>
      </c>
      <c r="AF21" s="170" t="str">
        <f t="shared" si="0"/>
        <v>日</v>
      </c>
      <c r="AG21" s="168" t="str">
        <f>IF(AG20=1,"日",IF(AG20=2,"月",IF(AG20=3,"火",IF(AG20=4,"水",IF(AG20=5,"木",IF(AG20=6,"金","土"))))))</f>
        <v>月</v>
      </c>
      <c r="AH21" s="169" t="str">
        <f t="shared" si="0"/>
        <v>火</v>
      </c>
      <c r="AI21" s="169" t="str">
        <f t="shared" si="0"/>
        <v>水</v>
      </c>
      <c r="AJ21" s="169" t="str">
        <f t="shared" si="0"/>
        <v>木</v>
      </c>
      <c r="AK21" s="169" t="str">
        <f t="shared" si="0"/>
        <v>金</v>
      </c>
      <c r="AL21" s="169" t="str">
        <f t="shared" si="0"/>
        <v>土</v>
      </c>
      <c r="AM21" s="170" t="str">
        <f t="shared" si="0"/>
        <v>日</v>
      </c>
      <c r="AN21" s="168" t="str">
        <f>IF(AN20=1,"日",IF(AN20=2,"月",IF(AN20=3,"火",IF(AN20=4,"水",IF(AN20=5,"木",IF(AN20=6,"金","土"))))))</f>
        <v>月</v>
      </c>
      <c r="AO21" s="169" t="str">
        <f t="shared" si="0"/>
        <v>火</v>
      </c>
      <c r="AP21" s="169" t="str">
        <f t="shared" si="0"/>
        <v>水</v>
      </c>
      <c r="AQ21" s="169" t="str">
        <f t="shared" si="0"/>
        <v>木</v>
      </c>
      <c r="AR21" s="169" t="str">
        <f t="shared" si="0"/>
        <v>金</v>
      </c>
      <c r="AS21" s="169" t="str">
        <f t="shared" si="0"/>
        <v>土</v>
      </c>
      <c r="AT21" s="170" t="str">
        <f t="shared" si="0"/>
        <v>日</v>
      </c>
      <c r="AU21" s="169" t="str">
        <f>IF(AU20=1,"日",IF(AU20=2,"月",IF(AU20=3,"火",IF(AU20=4,"水",IF(AU20=5,"木",IF(AU20=6,"金",IF(AU20=0,"","土")))))))</f>
        <v/>
      </c>
      <c r="AV21" s="169" t="str">
        <f>IF(AV20=1,"日",IF(AV20=2,"月",IF(AV20=3,"火",IF(AV20=4,"水",IF(AV20=5,"木",IF(AV20=6,"金",IF(AV20=0,"","土")))))))</f>
        <v/>
      </c>
      <c r="AW21" s="169" t="str">
        <f>IF(AW20=1,"日",IF(AW20=2,"月",IF(AW20=3,"火",IF(AW20=4,"水",IF(AW20=5,"木",IF(AW20=6,"金",IF(AW20=0,"","土")))))))</f>
        <v/>
      </c>
      <c r="AX21" s="513"/>
      <c r="AY21" s="514"/>
      <c r="AZ21" s="519"/>
      <c r="BA21" s="520"/>
      <c r="BB21" s="527"/>
      <c r="BC21" s="528"/>
      <c r="BD21" s="528"/>
      <c r="BE21" s="528"/>
      <c r="BF21" s="529"/>
    </row>
    <row r="22" spans="2:58" ht="20.25" customHeight="1" x14ac:dyDescent="0.4">
      <c r="B22" s="482">
        <v>1</v>
      </c>
      <c r="C22" s="484"/>
      <c r="D22" s="485"/>
      <c r="E22" s="486"/>
      <c r="F22" s="171"/>
      <c r="G22" s="493"/>
      <c r="H22" s="347"/>
      <c r="I22" s="495"/>
      <c r="J22" s="495"/>
      <c r="K22" s="496"/>
      <c r="L22" s="500"/>
      <c r="M22" s="501"/>
      <c r="N22" s="501"/>
      <c r="O22" s="502"/>
      <c r="P22" s="506" t="s">
        <v>194</v>
      </c>
      <c r="Q22" s="507"/>
      <c r="R22" s="508"/>
      <c r="S22" s="172"/>
      <c r="T22" s="173"/>
      <c r="U22" s="173"/>
      <c r="V22" s="173"/>
      <c r="W22" s="173"/>
      <c r="X22" s="173"/>
      <c r="Y22" s="174"/>
      <c r="Z22" s="172"/>
      <c r="AA22" s="173"/>
      <c r="AB22" s="173"/>
      <c r="AC22" s="173"/>
      <c r="AD22" s="173"/>
      <c r="AE22" s="173"/>
      <c r="AF22" s="174"/>
      <c r="AG22" s="172"/>
      <c r="AH22" s="173"/>
      <c r="AI22" s="173"/>
      <c r="AJ22" s="173"/>
      <c r="AK22" s="173"/>
      <c r="AL22" s="173"/>
      <c r="AM22" s="174"/>
      <c r="AN22" s="172"/>
      <c r="AO22" s="173"/>
      <c r="AP22" s="173"/>
      <c r="AQ22" s="173"/>
      <c r="AR22" s="173"/>
      <c r="AS22" s="173"/>
      <c r="AT22" s="174"/>
      <c r="AU22" s="172"/>
      <c r="AV22" s="173"/>
      <c r="AW22" s="173"/>
      <c r="AX22" s="536"/>
      <c r="AY22" s="537"/>
      <c r="AZ22" s="538"/>
      <c r="BA22" s="539"/>
      <c r="BB22" s="540"/>
      <c r="BC22" s="541"/>
      <c r="BD22" s="541"/>
      <c r="BE22" s="541"/>
      <c r="BF22" s="542"/>
    </row>
    <row r="23" spans="2:58" ht="20.25" customHeight="1" x14ac:dyDescent="0.4">
      <c r="B23" s="483"/>
      <c r="C23" s="487"/>
      <c r="D23" s="488"/>
      <c r="E23" s="489"/>
      <c r="F23" s="175"/>
      <c r="G23" s="494"/>
      <c r="H23" s="497"/>
      <c r="I23" s="498"/>
      <c r="J23" s="498"/>
      <c r="K23" s="499"/>
      <c r="L23" s="503"/>
      <c r="M23" s="504"/>
      <c r="N23" s="504"/>
      <c r="O23" s="505"/>
      <c r="P23" s="549" t="s">
        <v>195</v>
      </c>
      <c r="Q23" s="550"/>
      <c r="R23" s="551"/>
      <c r="S23" s="176" t="str">
        <f>IF(S22="","",VLOOKUP(S22,'シフト記号表（勤務時間帯）'!$C$6:$K$35,9,FALSE))</f>
        <v/>
      </c>
      <c r="T23" s="177" t="str">
        <f>IF(T22="","",VLOOKUP(T22,'シフト記号表（勤務時間帯）'!$C$6:$K$35,9,FALSE))</f>
        <v/>
      </c>
      <c r="U23" s="177" t="str">
        <f>IF(U22="","",VLOOKUP(U22,'シフト記号表（勤務時間帯）'!$C$6:$K$35,9,FALSE))</f>
        <v/>
      </c>
      <c r="V23" s="177" t="str">
        <f>IF(V22="","",VLOOKUP(V22,'シフト記号表（勤務時間帯）'!$C$6:$K$35,9,FALSE))</f>
        <v/>
      </c>
      <c r="W23" s="177" t="str">
        <f>IF(W22="","",VLOOKUP(W22,'シフト記号表（勤務時間帯）'!$C$6:$K$35,9,FALSE))</f>
        <v/>
      </c>
      <c r="X23" s="177" t="str">
        <f>IF(X22="","",VLOOKUP(X22,'シフト記号表（勤務時間帯）'!$C$6:$K$35,9,FALSE))</f>
        <v/>
      </c>
      <c r="Y23" s="178" t="str">
        <f>IF(Y22="","",VLOOKUP(Y22,'シフト記号表（勤務時間帯）'!$C$6:$K$35,9,FALSE))</f>
        <v/>
      </c>
      <c r="Z23" s="176" t="str">
        <f>IF(Z22="","",VLOOKUP(Z22,'シフト記号表（勤務時間帯）'!$C$6:$K$35,9,FALSE))</f>
        <v/>
      </c>
      <c r="AA23" s="177" t="str">
        <f>IF(AA22="","",VLOOKUP(AA22,'シフト記号表（勤務時間帯）'!$C$6:$K$35,9,FALSE))</f>
        <v/>
      </c>
      <c r="AB23" s="177" t="str">
        <f>IF(AB22="","",VLOOKUP(AB22,'シフト記号表（勤務時間帯）'!$C$6:$K$35,9,FALSE))</f>
        <v/>
      </c>
      <c r="AC23" s="177" t="str">
        <f>IF(AC22="","",VLOOKUP(AC22,'シフト記号表（勤務時間帯）'!$C$6:$K$35,9,FALSE))</f>
        <v/>
      </c>
      <c r="AD23" s="177" t="str">
        <f>IF(AD22="","",VLOOKUP(AD22,'シフト記号表（勤務時間帯）'!$C$6:$K$35,9,FALSE))</f>
        <v/>
      </c>
      <c r="AE23" s="177" t="str">
        <f>IF(AE22="","",VLOOKUP(AE22,'シフト記号表（勤務時間帯）'!$C$6:$K$35,9,FALSE))</f>
        <v/>
      </c>
      <c r="AF23" s="178" t="str">
        <f>IF(AF22="","",VLOOKUP(AF22,'シフト記号表（勤務時間帯）'!$C$6:$K$35,9,FALSE))</f>
        <v/>
      </c>
      <c r="AG23" s="176" t="str">
        <f>IF(AG22="","",VLOOKUP(AG22,'シフト記号表（勤務時間帯）'!$C$6:$K$35,9,FALSE))</f>
        <v/>
      </c>
      <c r="AH23" s="177" t="str">
        <f>IF(AH22="","",VLOOKUP(AH22,'シフト記号表（勤務時間帯）'!$C$6:$K$35,9,FALSE))</f>
        <v/>
      </c>
      <c r="AI23" s="177" t="str">
        <f>IF(AI22="","",VLOOKUP(AI22,'シフト記号表（勤務時間帯）'!$C$6:$K$35,9,FALSE))</f>
        <v/>
      </c>
      <c r="AJ23" s="177" t="str">
        <f>IF(AJ22="","",VLOOKUP(AJ22,'シフト記号表（勤務時間帯）'!$C$6:$K$35,9,FALSE))</f>
        <v/>
      </c>
      <c r="AK23" s="177" t="str">
        <f>IF(AK22="","",VLOOKUP(AK22,'シフト記号表（勤務時間帯）'!$C$6:$K$35,9,FALSE))</f>
        <v/>
      </c>
      <c r="AL23" s="177" t="str">
        <f>IF(AL22="","",VLOOKUP(AL22,'シフト記号表（勤務時間帯）'!$C$6:$K$35,9,FALSE))</f>
        <v/>
      </c>
      <c r="AM23" s="178" t="str">
        <f>IF(AM22="","",VLOOKUP(AM22,'シフト記号表（勤務時間帯）'!$C$6:$K$35,9,FALSE))</f>
        <v/>
      </c>
      <c r="AN23" s="176" t="str">
        <f>IF(AN22="","",VLOOKUP(AN22,'シフト記号表（勤務時間帯）'!$C$6:$K$35,9,FALSE))</f>
        <v/>
      </c>
      <c r="AO23" s="177" t="str">
        <f>IF(AO22="","",VLOOKUP(AO22,'シフト記号表（勤務時間帯）'!$C$6:$K$35,9,FALSE))</f>
        <v/>
      </c>
      <c r="AP23" s="177" t="str">
        <f>IF(AP22="","",VLOOKUP(AP22,'シフト記号表（勤務時間帯）'!$C$6:$K$35,9,FALSE))</f>
        <v/>
      </c>
      <c r="AQ23" s="177" t="str">
        <f>IF(AQ22="","",VLOOKUP(AQ22,'シフト記号表（勤務時間帯）'!$C$6:$K$35,9,FALSE))</f>
        <v/>
      </c>
      <c r="AR23" s="177" t="str">
        <f>IF(AR22="","",VLOOKUP(AR22,'シフト記号表（勤務時間帯）'!$C$6:$K$35,9,FALSE))</f>
        <v/>
      </c>
      <c r="AS23" s="177" t="str">
        <f>IF(AS22="","",VLOOKUP(AS22,'シフト記号表（勤務時間帯）'!$C$6:$K$35,9,FALSE))</f>
        <v/>
      </c>
      <c r="AT23" s="178" t="str">
        <f>IF(AT22="","",VLOOKUP(AT22,'シフト記号表（勤務時間帯）'!$C$6:$K$35,9,FALSE))</f>
        <v/>
      </c>
      <c r="AU23" s="176" t="str">
        <f>IF(AU22="","",VLOOKUP(AU22,'シフト記号表（勤務時間帯）'!$C$6:$K$35,9,FALSE))</f>
        <v/>
      </c>
      <c r="AV23" s="177" t="str">
        <f>IF(AV22="","",VLOOKUP(AV22,'シフト記号表（勤務時間帯）'!$C$6:$K$35,9,FALSE))</f>
        <v/>
      </c>
      <c r="AW23" s="177" t="str">
        <f>IF(AW22="","",VLOOKUP(AW22,'シフト記号表（勤務時間帯）'!$C$6:$K$35,9,FALSE))</f>
        <v/>
      </c>
      <c r="AX23" s="552">
        <f>IF($BB$3="４週",SUM(S23:AT23),IF($BB$3="暦月",SUM(S23:AW23),""))</f>
        <v>0</v>
      </c>
      <c r="AY23" s="553"/>
      <c r="AZ23" s="554">
        <f>IF($BB$3="４週",AX23/4,IF($BB$3="暦月",通所型サービス!AX23/(通所型サービス!$BB$8/7),""))</f>
        <v>0</v>
      </c>
      <c r="BA23" s="555"/>
      <c r="BB23" s="543"/>
      <c r="BC23" s="544"/>
      <c r="BD23" s="544"/>
      <c r="BE23" s="544"/>
      <c r="BF23" s="545"/>
    </row>
    <row r="24" spans="2:58" ht="20.25" customHeight="1" x14ac:dyDescent="0.4">
      <c r="B24" s="483"/>
      <c r="C24" s="490"/>
      <c r="D24" s="491"/>
      <c r="E24" s="492"/>
      <c r="F24" s="179">
        <f>C22</f>
        <v>0</v>
      </c>
      <c r="G24" s="494"/>
      <c r="H24" s="497"/>
      <c r="I24" s="498"/>
      <c r="J24" s="498"/>
      <c r="K24" s="499"/>
      <c r="L24" s="503"/>
      <c r="M24" s="504"/>
      <c r="N24" s="504"/>
      <c r="O24" s="505"/>
      <c r="P24" s="556" t="s">
        <v>196</v>
      </c>
      <c r="Q24" s="557"/>
      <c r="R24" s="558"/>
      <c r="S24" s="180" t="str">
        <f>IF(S22="","",VLOOKUP(S22,'シフト記号表（勤務時間帯）'!$C$6:$U$35,19,FALSE))</f>
        <v/>
      </c>
      <c r="T24" s="181" t="str">
        <f>IF(T22="","",VLOOKUP(T22,'シフト記号表（勤務時間帯）'!$C$6:$U$35,19,FALSE))</f>
        <v/>
      </c>
      <c r="U24" s="181" t="str">
        <f>IF(U22="","",VLOOKUP(U22,'シフト記号表（勤務時間帯）'!$C$6:$U$35,19,FALSE))</f>
        <v/>
      </c>
      <c r="V24" s="181" t="str">
        <f>IF(V22="","",VLOOKUP(V22,'シフト記号表（勤務時間帯）'!$C$6:$U$35,19,FALSE))</f>
        <v/>
      </c>
      <c r="W24" s="181" t="str">
        <f>IF(W22="","",VLOOKUP(W22,'シフト記号表（勤務時間帯）'!$C$6:$U$35,19,FALSE))</f>
        <v/>
      </c>
      <c r="X24" s="181" t="str">
        <f>IF(X22="","",VLOOKUP(X22,'シフト記号表（勤務時間帯）'!$C$6:$U$35,19,FALSE))</f>
        <v/>
      </c>
      <c r="Y24" s="182" t="str">
        <f>IF(Y22="","",VLOOKUP(Y22,'シフト記号表（勤務時間帯）'!$C$6:$U$35,19,FALSE))</f>
        <v/>
      </c>
      <c r="Z24" s="180" t="str">
        <f>IF(Z22="","",VLOOKUP(Z22,'シフト記号表（勤務時間帯）'!$C$6:$U$35,19,FALSE))</f>
        <v/>
      </c>
      <c r="AA24" s="181" t="str">
        <f>IF(AA22="","",VLOOKUP(AA22,'シフト記号表（勤務時間帯）'!$C$6:$U$35,19,FALSE))</f>
        <v/>
      </c>
      <c r="AB24" s="181" t="str">
        <f>IF(AB22="","",VLOOKUP(AB22,'シフト記号表（勤務時間帯）'!$C$6:$U$35,19,FALSE))</f>
        <v/>
      </c>
      <c r="AC24" s="181" t="str">
        <f>IF(AC22="","",VLOOKUP(AC22,'シフト記号表（勤務時間帯）'!$C$6:$U$35,19,FALSE))</f>
        <v/>
      </c>
      <c r="AD24" s="181" t="str">
        <f>IF(AD22="","",VLOOKUP(AD22,'シフト記号表（勤務時間帯）'!$C$6:$U$35,19,FALSE))</f>
        <v/>
      </c>
      <c r="AE24" s="181" t="str">
        <f>IF(AE22="","",VLOOKUP(AE22,'シフト記号表（勤務時間帯）'!$C$6:$U$35,19,FALSE))</f>
        <v/>
      </c>
      <c r="AF24" s="182" t="str">
        <f>IF(AF22="","",VLOOKUP(AF22,'シフト記号表（勤務時間帯）'!$C$6:$U$35,19,FALSE))</f>
        <v/>
      </c>
      <c r="AG24" s="180" t="str">
        <f>IF(AG22="","",VLOOKUP(AG22,'シフト記号表（勤務時間帯）'!$C$6:$U$35,19,FALSE))</f>
        <v/>
      </c>
      <c r="AH24" s="181" t="str">
        <f>IF(AH22="","",VLOOKUP(AH22,'シフト記号表（勤務時間帯）'!$C$6:$U$35,19,FALSE))</f>
        <v/>
      </c>
      <c r="AI24" s="181" t="str">
        <f>IF(AI22="","",VLOOKUP(AI22,'シフト記号表（勤務時間帯）'!$C$6:$U$35,19,FALSE))</f>
        <v/>
      </c>
      <c r="AJ24" s="181" t="str">
        <f>IF(AJ22="","",VLOOKUP(AJ22,'シフト記号表（勤務時間帯）'!$C$6:$U$35,19,FALSE))</f>
        <v/>
      </c>
      <c r="AK24" s="181" t="str">
        <f>IF(AK22="","",VLOOKUP(AK22,'シフト記号表（勤務時間帯）'!$C$6:$U$35,19,FALSE))</f>
        <v/>
      </c>
      <c r="AL24" s="181" t="str">
        <f>IF(AL22="","",VLOOKUP(AL22,'シフト記号表（勤務時間帯）'!$C$6:$U$35,19,FALSE))</f>
        <v/>
      </c>
      <c r="AM24" s="182" t="str">
        <f>IF(AM22="","",VLOOKUP(AM22,'シフト記号表（勤務時間帯）'!$C$6:$U$35,19,FALSE))</f>
        <v/>
      </c>
      <c r="AN24" s="180" t="str">
        <f>IF(AN22="","",VLOOKUP(AN22,'シフト記号表（勤務時間帯）'!$C$6:$U$35,19,FALSE))</f>
        <v/>
      </c>
      <c r="AO24" s="181" t="str">
        <f>IF(AO22="","",VLOOKUP(AO22,'シフト記号表（勤務時間帯）'!$C$6:$U$35,19,FALSE))</f>
        <v/>
      </c>
      <c r="AP24" s="181" t="str">
        <f>IF(AP22="","",VLOOKUP(AP22,'シフト記号表（勤務時間帯）'!$C$6:$U$35,19,FALSE))</f>
        <v/>
      </c>
      <c r="AQ24" s="181" t="str">
        <f>IF(AQ22="","",VLOOKUP(AQ22,'シフト記号表（勤務時間帯）'!$C$6:$U$35,19,FALSE))</f>
        <v/>
      </c>
      <c r="AR24" s="181" t="str">
        <f>IF(AR22="","",VLOOKUP(AR22,'シフト記号表（勤務時間帯）'!$C$6:$U$35,19,FALSE))</f>
        <v/>
      </c>
      <c r="AS24" s="181" t="str">
        <f>IF(AS22="","",VLOOKUP(AS22,'シフト記号表（勤務時間帯）'!$C$6:$U$35,19,FALSE))</f>
        <v/>
      </c>
      <c r="AT24" s="182" t="str">
        <f>IF(AT22="","",VLOOKUP(AT22,'シフト記号表（勤務時間帯）'!$C$6:$U$35,19,FALSE))</f>
        <v/>
      </c>
      <c r="AU24" s="180" t="str">
        <f>IF(AU22="","",VLOOKUP(AU22,'シフト記号表（勤務時間帯）'!$C$6:$U$35,19,FALSE))</f>
        <v/>
      </c>
      <c r="AV24" s="181" t="str">
        <f>IF(AV22="","",VLOOKUP(AV22,'シフト記号表（勤務時間帯）'!$C$6:$U$35,19,FALSE))</f>
        <v/>
      </c>
      <c r="AW24" s="181" t="str">
        <f>IF(AW22="","",VLOOKUP(AW22,'シフト記号表（勤務時間帯）'!$C$6:$U$35,19,FALSE))</f>
        <v/>
      </c>
      <c r="AX24" s="559">
        <f>IF($BB$3="４週",SUM(S24:AT24),IF($BB$3="暦月",SUM(S24:AW24),""))</f>
        <v>0</v>
      </c>
      <c r="AY24" s="560"/>
      <c r="AZ24" s="561">
        <f>IF($BB$3="４週",AX24/4,IF($BB$3="暦月",通所型サービス!AX24/(通所型サービス!$BB$8/7),""))</f>
        <v>0</v>
      </c>
      <c r="BA24" s="562"/>
      <c r="BB24" s="546"/>
      <c r="BC24" s="547"/>
      <c r="BD24" s="547"/>
      <c r="BE24" s="547"/>
      <c r="BF24" s="548"/>
    </row>
    <row r="25" spans="2:58" ht="20.25" customHeight="1" x14ac:dyDescent="0.4">
      <c r="B25" s="483">
        <f>B22+1</f>
        <v>2</v>
      </c>
      <c r="C25" s="590"/>
      <c r="D25" s="591"/>
      <c r="E25" s="592"/>
      <c r="F25" s="183"/>
      <c r="G25" s="572"/>
      <c r="H25" s="330"/>
      <c r="I25" s="498"/>
      <c r="J25" s="498"/>
      <c r="K25" s="499"/>
      <c r="L25" s="574"/>
      <c r="M25" s="575"/>
      <c r="N25" s="575"/>
      <c r="O25" s="576"/>
      <c r="P25" s="580" t="s">
        <v>194</v>
      </c>
      <c r="Q25" s="581"/>
      <c r="R25" s="582"/>
      <c r="S25" s="172"/>
      <c r="T25" s="173"/>
      <c r="U25" s="173"/>
      <c r="V25" s="173"/>
      <c r="W25" s="173"/>
      <c r="X25" s="173"/>
      <c r="Y25" s="174"/>
      <c r="Z25" s="172"/>
      <c r="AA25" s="173"/>
      <c r="AB25" s="173"/>
      <c r="AC25" s="173"/>
      <c r="AD25" s="173"/>
      <c r="AE25" s="173"/>
      <c r="AF25" s="174"/>
      <c r="AG25" s="172"/>
      <c r="AH25" s="173"/>
      <c r="AI25" s="173"/>
      <c r="AJ25" s="173"/>
      <c r="AK25" s="173"/>
      <c r="AL25" s="173"/>
      <c r="AM25" s="174"/>
      <c r="AN25" s="172"/>
      <c r="AO25" s="173"/>
      <c r="AP25" s="173"/>
      <c r="AQ25" s="173"/>
      <c r="AR25" s="173"/>
      <c r="AS25" s="173"/>
      <c r="AT25" s="174"/>
      <c r="AU25" s="172"/>
      <c r="AV25" s="173"/>
      <c r="AW25" s="173"/>
      <c r="AX25" s="583"/>
      <c r="AY25" s="584"/>
      <c r="AZ25" s="585"/>
      <c r="BA25" s="586"/>
      <c r="BB25" s="587"/>
      <c r="BC25" s="588"/>
      <c r="BD25" s="588"/>
      <c r="BE25" s="588"/>
      <c r="BF25" s="589"/>
    </row>
    <row r="26" spans="2:58" ht="20.25" customHeight="1" x14ac:dyDescent="0.4">
      <c r="B26" s="483"/>
      <c r="C26" s="487"/>
      <c r="D26" s="488"/>
      <c r="E26" s="489"/>
      <c r="F26" s="175"/>
      <c r="G26" s="494"/>
      <c r="H26" s="497"/>
      <c r="I26" s="498"/>
      <c r="J26" s="498"/>
      <c r="K26" s="499"/>
      <c r="L26" s="503"/>
      <c r="M26" s="504"/>
      <c r="N26" s="504"/>
      <c r="O26" s="505"/>
      <c r="P26" s="549" t="s">
        <v>195</v>
      </c>
      <c r="Q26" s="550"/>
      <c r="R26" s="551"/>
      <c r="S26" s="176" t="str">
        <f>IF(S25="","",VLOOKUP(S25,'シフト記号表（勤務時間帯）'!$C$6:$K$35,9,FALSE))</f>
        <v/>
      </c>
      <c r="T26" s="177" t="str">
        <f>IF(T25="","",VLOOKUP(T25,'シフト記号表（勤務時間帯）'!$C$6:$K$35,9,FALSE))</f>
        <v/>
      </c>
      <c r="U26" s="177" t="str">
        <f>IF(U25="","",VLOOKUP(U25,'シフト記号表（勤務時間帯）'!$C$6:$K$35,9,FALSE))</f>
        <v/>
      </c>
      <c r="V26" s="177" t="str">
        <f>IF(V25="","",VLOOKUP(V25,'シフト記号表（勤務時間帯）'!$C$6:$K$35,9,FALSE))</f>
        <v/>
      </c>
      <c r="W26" s="177" t="str">
        <f>IF(W25="","",VLOOKUP(W25,'シフト記号表（勤務時間帯）'!$C$6:$K$35,9,FALSE))</f>
        <v/>
      </c>
      <c r="X26" s="177" t="str">
        <f>IF(X25="","",VLOOKUP(X25,'シフト記号表（勤務時間帯）'!$C$6:$K$35,9,FALSE))</f>
        <v/>
      </c>
      <c r="Y26" s="178" t="str">
        <f>IF(Y25="","",VLOOKUP(Y25,'シフト記号表（勤務時間帯）'!$C$6:$K$35,9,FALSE))</f>
        <v/>
      </c>
      <c r="Z26" s="176" t="str">
        <f>IF(Z25="","",VLOOKUP(Z25,'シフト記号表（勤務時間帯）'!$C$6:$K$35,9,FALSE))</f>
        <v/>
      </c>
      <c r="AA26" s="177" t="str">
        <f>IF(AA25="","",VLOOKUP(AA25,'シフト記号表（勤務時間帯）'!$C$6:$K$35,9,FALSE))</f>
        <v/>
      </c>
      <c r="AB26" s="177" t="str">
        <f>IF(AB25="","",VLOOKUP(AB25,'シフト記号表（勤務時間帯）'!$C$6:$K$35,9,FALSE))</f>
        <v/>
      </c>
      <c r="AC26" s="177" t="str">
        <f>IF(AC25="","",VLOOKUP(AC25,'シフト記号表（勤務時間帯）'!$C$6:$K$35,9,FALSE))</f>
        <v/>
      </c>
      <c r="AD26" s="177" t="str">
        <f>IF(AD25="","",VLOOKUP(AD25,'シフト記号表（勤務時間帯）'!$C$6:$K$35,9,FALSE))</f>
        <v/>
      </c>
      <c r="AE26" s="177" t="str">
        <f>IF(AE25="","",VLOOKUP(AE25,'シフト記号表（勤務時間帯）'!$C$6:$K$35,9,FALSE))</f>
        <v/>
      </c>
      <c r="AF26" s="178" t="str">
        <f>IF(AF25="","",VLOOKUP(AF25,'シフト記号表（勤務時間帯）'!$C$6:$K$35,9,FALSE))</f>
        <v/>
      </c>
      <c r="AG26" s="176" t="str">
        <f>IF(AG25="","",VLOOKUP(AG25,'シフト記号表（勤務時間帯）'!$C$6:$K$35,9,FALSE))</f>
        <v/>
      </c>
      <c r="AH26" s="177" t="str">
        <f>IF(AH25="","",VLOOKUP(AH25,'シフト記号表（勤務時間帯）'!$C$6:$K$35,9,FALSE))</f>
        <v/>
      </c>
      <c r="AI26" s="177" t="str">
        <f>IF(AI25="","",VLOOKUP(AI25,'シフト記号表（勤務時間帯）'!$C$6:$K$35,9,FALSE))</f>
        <v/>
      </c>
      <c r="AJ26" s="177" t="str">
        <f>IF(AJ25="","",VLOOKUP(AJ25,'シフト記号表（勤務時間帯）'!$C$6:$K$35,9,FALSE))</f>
        <v/>
      </c>
      <c r="AK26" s="177" t="str">
        <f>IF(AK25="","",VLOOKUP(AK25,'シフト記号表（勤務時間帯）'!$C$6:$K$35,9,FALSE))</f>
        <v/>
      </c>
      <c r="AL26" s="177" t="str">
        <f>IF(AL25="","",VLOOKUP(AL25,'シフト記号表（勤務時間帯）'!$C$6:$K$35,9,FALSE))</f>
        <v/>
      </c>
      <c r="AM26" s="178" t="str">
        <f>IF(AM25="","",VLOOKUP(AM25,'シフト記号表（勤務時間帯）'!$C$6:$K$35,9,FALSE))</f>
        <v/>
      </c>
      <c r="AN26" s="176" t="str">
        <f>IF(AN25="","",VLOOKUP(AN25,'シフト記号表（勤務時間帯）'!$C$6:$K$35,9,FALSE))</f>
        <v/>
      </c>
      <c r="AO26" s="177" t="str">
        <f>IF(AO25="","",VLOOKUP(AO25,'シフト記号表（勤務時間帯）'!$C$6:$K$35,9,FALSE))</f>
        <v/>
      </c>
      <c r="AP26" s="177" t="str">
        <f>IF(AP25="","",VLOOKUP(AP25,'シフト記号表（勤務時間帯）'!$C$6:$K$35,9,FALSE))</f>
        <v/>
      </c>
      <c r="AQ26" s="177" t="str">
        <f>IF(AQ25="","",VLOOKUP(AQ25,'シフト記号表（勤務時間帯）'!$C$6:$K$35,9,FALSE))</f>
        <v/>
      </c>
      <c r="AR26" s="177" t="str">
        <f>IF(AR25="","",VLOOKUP(AR25,'シフト記号表（勤務時間帯）'!$C$6:$K$35,9,FALSE))</f>
        <v/>
      </c>
      <c r="AS26" s="177" t="str">
        <f>IF(AS25="","",VLOOKUP(AS25,'シフト記号表（勤務時間帯）'!$C$6:$K$35,9,FALSE))</f>
        <v/>
      </c>
      <c r="AT26" s="178" t="str">
        <f>IF(AT25="","",VLOOKUP(AT25,'シフト記号表（勤務時間帯）'!$C$6:$K$35,9,FALSE))</f>
        <v/>
      </c>
      <c r="AU26" s="176" t="str">
        <f>IF(AU25="","",VLOOKUP(AU25,'シフト記号表（勤務時間帯）'!$C$6:$K$35,9,FALSE))</f>
        <v/>
      </c>
      <c r="AV26" s="177" t="str">
        <f>IF(AV25="","",VLOOKUP(AV25,'シフト記号表（勤務時間帯）'!$C$6:$K$35,9,FALSE))</f>
        <v/>
      </c>
      <c r="AW26" s="177" t="str">
        <f>IF(AW25="","",VLOOKUP(AW25,'シフト記号表（勤務時間帯）'!$C$6:$K$35,9,FALSE))</f>
        <v/>
      </c>
      <c r="AX26" s="552">
        <f>IF($BB$3="４週",SUM(S26:AT26),IF($BB$3="暦月",SUM(S26:AW26),""))</f>
        <v>0</v>
      </c>
      <c r="AY26" s="553"/>
      <c r="AZ26" s="554">
        <f>IF($BB$3="４週",AX26/4,IF($BB$3="暦月",通所型サービス!AX26/(通所型サービス!$BB$8/7),""))</f>
        <v>0</v>
      </c>
      <c r="BA26" s="555"/>
      <c r="BB26" s="543"/>
      <c r="BC26" s="544"/>
      <c r="BD26" s="544"/>
      <c r="BE26" s="544"/>
      <c r="BF26" s="545"/>
    </row>
    <row r="27" spans="2:58" ht="20.25" customHeight="1" x14ac:dyDescent="0.4">
      <c r="B27" s="483"/>
      <c r="C27" s="490"/>
      <c r="D27" s="491"/>
      <c r="E27" s="492"/>
      <c r="F27" s="175">
        <f>C25</f>
        <v>0</v>
      </c>
      <c r="G27" s="573"/>
      <c r="H27" s="497"/>
      <c r="I27" s="498"/>
      <c r="J27" s="498"/>
      <c r="K27" s="499"/>
      <c r="L27" s="577"/>
      <c r="M27" s="578"/>
      <c r="N27" s="578"/>
      <c r="O27" s="579"/>
      <c r="P27" s="556" t="s">
        <v>196</v>
      </c>
      <c r="Q27" s="557"/>
      <c r="R27" s="558"/>
      <c r="S27" s="180" t="str">
        <f>IF(S25="","",VLOOKUP(S25,'シフト記号表（勤務時間帯）'!$C$6:$U$35,19,FALSE))</f>
        <v/>
      </c>
      <c r="T27" s="181" t="str">
        <f>IF(T25="","",VLOOKUP(T25,'シフト記号表（勤務時間帯）'!$C$6:$U$35,19,FALSE))</f>
        <v/>
      </c>
      <c r="U27" s="181" t="str">
        <f>IF(U25="","",VLOOKUP(U25,'シフト記号表（勤務時間帯）'!$C$6:$U$35,19,FALSE))</f>
        <v/>
      </c>
      <c r="V27" s="181" t="str">
        <f>IF(V25="","",VLOOKUP(V25,'シフト記号表（勤務時間帯）'!$C$6:$U$35,19,FALSE))</f>
        <v/>
      </c>
      <c r="W27" s="181" t="str">
        <f>IF(W25="","",VLOOKUP(W25,'シフト記号表（勤務時間帯）'!$C$6:$U$35,19,FALSE))</f>
        <v/>
      </c>
      <c r="X27" s="181" t="str">
        <f>IF(X25="","",VLOOKUP(X25,'シフト記号表（勤務時間帯）'!$C$6:$U$35,19,FALSE))</f>
        <v/>
      </c>
      <c r="Y27" s="182" t="str">
        <f>IF(Y25="","",VLOOKUP(Y25,'シフト記号表（勤務時間帯）'!$C$6:$U$35,19,FALSE))</f>
        <v/>
      </c>
      <c r="Z27" s="180" t="str">
        <f>IF(Z25="","",VLOOKUP(Z25,'シフト記号表（勤務時間帯）'!$C$6:$U$35,19,FALSE))</f>
        <v/>
      </c>
      <c r="AA27" s="181" t="str">
        <f>IF(AA25="","",VLOOKUP(AA25,'シフト記号表（勤務時間帯）'!$C$6:$U$35,19,FALSE))</f>
        <v/>
      </c>
      <c r="AB27" s="181" t="str">
        <f>IF(AB25="","",VLOOKUP(AB25,'シフト記号表（勤務時間帯）'!$C$6:$U$35,19,FALSE))</f>
        <v/>
      </c>
      <c r="AC27" s="181" t="str">
        <f>IF(AC25="","",VLOOKUP(AC25,'シフト記号表（勤務時間帯）'!$C$6:$U$35,19,FALSE))</f>
        <v/>
      </c>
      <c r="AD27" s="181" t="str">
        <f>IF(AD25="","",VLOOKUP(AD25,'シフト記号表（勤務時間帯）'!$C$6:$U$35,19,FALSE))</f>
        <v/>
      </c>
      <c r="AE27" s="181" t="str">
        <f>IF(AE25="","",VLOOKUP(AE25,'シフト記号表（勤務時間帯）'!$C$6:$U$35,19,FALSE))</f>
        <v/>
      </c>
      <c r="AF27" s="182" t="str">
        <f>IF(AF25="","",VLOOKUP(AF25,'シフト記号表（勤務時間帯）'!$C$6:$U$35,19,FALSE))</f>
        <v/>
      </c>
      <c r="AG27" s="180" t="str">
        <f>IF(AG25="","",VLOOKUP(AG25,'シフト記号表（勤務時間帯）'!$C$6:$U$35,19,FALSE))</f>
        <v/>
      </c>
      <c r="AH27" s="181" t="str">
        <f>IF(AH25="","",VLOOKUP(AH25,'シフト記号表（勤務時間帯）'!$C$6:$U$35,19,FALSE))</f>
        <v/>
      </c>
      <c r="AI27" s="181" t="str">
        <f>IF(AI25="","",VLOOKUP(AI25,'シフト記号表（勤務時間帯）'!$C$6:$U$35,19,FALSE))</f>
        <v/>
      </c>
      <c r="AJ27" s="181" t="str">
        <f>IF(AJ25="","",VLOOKUP(AJ25,'シフト記号表（勤務時間帯）'!$C$6:$U$35,19,FALSE))</f>
        <v/>
      </c>
      <c r="AK27" s="181" t="str">
        <f>IF(AK25="","",VLOOKUP(AK25,'シフト記号表（勤務時間帯）'!$C$6:$U$35,19,FALSE))</f>
        <v/>
      </c>
      <c r="AL27" s="181" t="str">
        <f>IF(AL25="","",VLOOKUP(AL25,'シフト記号表（勤務時間帯）'!$C$6:$U$35,19,FALSE))</f>
        <v/>
      </c>
      <c r="AM27" s="182" t="str">
        <f>IF(AM25="","",VLOOKUP(AM25,'シフト記号表（勤務時間帯）'!$C$6:$U$35,19,FALSE))</f>
        <v/>
      </c>
      <c r="AN27" s="180" t="str">
        <f>IF(AN25="","",VLOOKUP(AN25,'シフト記号表（勤務時間帯）'!$C$6:$U$35,19,FALSE))</f>
        <v/>
      </c>
      <c r="AO27" s="181" t="str">
        <f>IF(AO25="","",VLOOKUP(AO25,'シフト記号表（勤務時間帯）'!$C$6:$U$35,19,FALSE))</f>
        <v/>
      </c>
      <c r="AP27" s="181" t="str">
        <f>IF(AP25="","",VLOOKUP(AP25,'シフト記号表（勤務時間帯）'!$C$6:$U$35,19,FALSE))</f>
        <v/>
      </c>
      <c r="AQ27" s="181" t="str">
        <f>IF(AQ25="","",VLOOKUP(AQ25,'シフト記号表（勤務時間帯）'!$C$6:$U$35,19,FALSE))</f>
        <v/>
      </c>
      <c r="AR27" s="181" t="str">
        <f>IF(AR25="","",VLOOKUP(AR25,'シフト記号表（勤務時間帯）'!$C$6:$U$35,19,FALSE))</f>
        <v/>
      </c>
      <c r="AS27" s="181" t="str">
        <f>IF(AS25="","",VLOOKUP(AS25,'シフト記号表（勤務時間帯）'!$C$6:$U$35,19,FALSE))</f>
        <v/>
      </c>
      <c r="AT27" s="182" t="str">
        <f>IF(AT25="","",VLOOKUP(AT25,'シフト記号表（勤務時間帯）'!$C$6:$U$35,19,FALSE))</f>
        <v/>
      </c>
      <c r="AU27" s="180" t="str">
        <f>IF(AU25="","",VLOOKUP(AU25,'シフト記号表（勤務時間帯）'!$C$6:$U$35,19,FALSE))</f>
        <v/>
      </c>
      <c r="AV27" s="181" t="str">
        <f>IF(AV25="","",VLOOKUP(AV25,'シフト記号表（勤務時間帯）'!$C$6:$U$35,19,FALSE))</f>
        <v/>
      </c>
      <c r="AW27" s="181" t="str">
        <f>IF(AW25="","",VLOOKUP(AW25,'シフト記号表（勤務時間帯）'!$C$6:$U$35,19,FALSE))</f>
        <v/>
      </c>
      <c r="AX27" s="559">
        <f>IF($BB$3="４週",SUM(S27:AT27),IF($BB$3="暦月",SUM(S27:AW27),""))</f>
        <v>0</v>
      </c>
      <c r="AY27" s="560"/>
      <c r="AZ27" s="561">
        <f>IF($BB$3="４週",AX27/4,IF($BB$3="暦月",通所型サービス!AX27/(通所型サービス!$BB$8/7),""))</f>
        <v>0</v>
      </c>
      <c r="BA27" s="562"/>
      <c r="BB27" s="546"/>
      <c r="BC27" s="547"/>
      <c r="BD27" s="547"/>
      <c r="BE27" s="547"/>
      <c r="BF27" s="548"/>
    </row>
    <row r="28" spans="2:58" ht="20.25" customHeight="1" x14ac:dyDescent="0.4">
      <c r="B28" s="483">
        <f>B25+1</f>
        <v>3</v>
      </c>
      <c r="C28" s="563"/>
      <c r="D28" s="564"/>
      <c r="E28" s="565"/>
      <c r="F28" s="183"/>
      <c r="G28" s="572"/>
      <c r="H28" s="330"/>
      <c r="I28" s="498"/>
      <c r="J28" s="498"/>
      <c r="K28" s="499"/>
      <c r="L28" s="574"/>
      <c r="M28" s="575"/>
      <c r="N28" s="575"/>
      <c r="O28" s="576"/>
      <c r="P28" s="580" t="s">
        <v>194</v>
      </c>
      <c r="Q28" s="581"/>
      <c r="R28" s="582"/>
      <c r="S28" s="172"/>
      <c r="T28" s="173"/>
      <c r="U28" s="173"/>
      <c r="V28" s="173"/>
      <c r="W28" s="173"/>
      <c r="X28" s="173"/>
      <c r="Y28" s="174"/>
      <c r="Z28" s="172"/>
      <c r="AA28" s="173"/>
      <c r="AB28" s="173"/>
      <c r="AC28" s="173"/>
      <c r="AD28" s="173"/>
      <c r="AE28" s="173"/>
      <c r="AF28" s="174"/>
      <c r="AG28" s="172"/>
      <c r="AH28" s="173"/>
      <c r="AI28" s="173"/>
      <c r="AJ28" s="173"/>
      <c r="AK28" s="173"/>
      <c r="AL28" s="173"/>
      <c r="AM28" s="174"/>
      <c r="AN28" s="172"/>
      <c r="AO28" s="173"/>
      <c r="AP28" s="173"/>
      <c r="AQ28" s="173"/>
      <c r="AR28" s="173"/>
      <c r="AS28" s="173"/>
      <c r="AT28" s="174"/>
      <c r="AU28" s="172"/>
      <c r="AV28" s="173"/>
      <c r="AW28" s="173"/>
      <c r="AX28" s="583"/>
      <c r="AY28" s="584"/>
      <c r="AZ28" s="585"/>
      <c r="BA28" s="586"/>
      <c r="BB28" s="587"/>
      <c r="BC28" s="588"/>
      <c r="BD28" s="588"/>
      <c r="BE28" s="588"/>
      <c r="BF28" s="589"/>
    </row>
    <row r="29" spans="2:58" ht="20.25" customHeight="1" x14ac:dyDescent="0.4">
      <c r="B29" s="483"/>
      <c r="C29" s="566"/>
      <c r="D29" s="567"/>
      <c r="E29" s="568"/>
      <c r="F29" s="175"/>
      <c r="G29" s="494"/>
      <c r="H29" s="497"/>
      <c r="I29" s="498"/>
      <c r="J29" s="498"/>
      <c r="K29" s="499"/>
      <c r="L29" s="503"/>
      <c r="M29" s="504"/>
      <c r="N29" s="504"/>
      <c r="O29" s="505"/>
      <c r="P29" s="549" t="s">
        <v>195</v>
      </c>
      <c r="Q29" s="550"/>
      <c r="R29" s="551"/>
      <c r="S29" s="176" t="str">
        <f>IF(S28="","",VLOOKUP(S28,'シフト記号表（勤務時間帯）'!$C$6:$K$35,9,FALSE))</f>
        <v/>
      </c>
      <c r="T29" s="177" t="str">
        <f>IF(T28="","",VLOOKUP(T28,'シフト記号表（勤務時間帯）'!$C$6:$K$35,9,FALSE))</f>
        <v/>
      </c>
      <c r="U29" s="177" t="str">
        <f>IF(U28="","",VLOOKUP(U28,'シフト記号表（勤務時間帯）'!$C$6:$K$35,9,FALSE))</f>
        <v/>
      </c>
      <c r="V29" s="177" t="str">
        <f>IF(V28="","",VLOOKUP(V28,'シフト記号表（勤務時間帯）'!$C$6:$K$35,9,FALSE))</f>
        <v/>
      </c>
      <c r="W29" s="177" t="str">
        <f>IF(W28="","",VLOOKUP(W28,'シフト記号表（勤務時間帯）'!$C$6:$K$35,9,FALSE))</f>
        <v/>
      </c>
      <c r="X29" s="177" t="str">
        <f>IF(X28="","",VLOOKUP(X28,'シフト記号表（勤務時間帯）'!$C$6:$K$35,9,FALSE))</f>
        <v/>
      </c>
      <c r="Y29" s="178" t="str">
        <f>IF(Y28="","",VLOOKUP(Y28,'シフト記号表（勤務時間帯）'!$C$6:$K$35,9,FALSE))</f>
        <v/>
      </c>
      <c r="Z29" s="176" t="str">
        <f>IF(Z28="","",VLOOKUP(Z28,'シフト記号表（勤務時間帯）'!$C$6:$K$35,9,FALSE))</f>
        <v/>
      </c>
      <c r="AA29" s="177" t="str">
        <f>IF(AA28="","",VLOOKUP(AA28,'シフト記号表（勤務時間帯）'!$C$6:$K$35,9,FALSE))</f>
        <v/>
      </c>
      <c r="AB29" s="177" t="str">
        <f>IF(AB28="","",VLOOKUP(AB28,'シフト記号表（勤務時間帯）'!$C$6:$K$35,9,FALSE))</f>
        <v/>
      </c>
      <c r="AC29" s="177" t="str">
        <f>IF(AC28="","",VLOOKUP(AC28,'シフト記号表（勤務時間帯）'!$C$6:$K$35,9,FALSE))</f>
        <v/>
      </c>
      <c r="AD29" s="177" t="str">
        <f>IF(AD28="","",VLOOKUP(AD28,'シフト記号表（勤務時間帯）'!$C$6:$K$35,9,FALSE))</f>
        <v/>
      </c>
      <c r="AE29" s="177" t="str">
        <f>IF(AE28="","",VLOOKUP(AE28,'シフト記号表（勤務時間帯）'!$C$6:$K$35,9,FALSE))</f>
        <v/>
      </c>
      <c r="AF29" s="178" t="str">
        <f>IF(AF28="","",VLOOKUP(AF28,'シフト記号表（勤務時間帯）'!$C$6:$K$35,9,FALSE))</f>
        <v/>
      </c>
      <c r="AG29" s="176" t="str">
        <f>IF(AG28="","",VLOOKUP(AG28,'シフト記号表（勤務時間帯）'!$C$6:$K$35,9,FALSE))</f>
        <v/>
      </c>
      <c r="AH29" s="177" t="str">
        <f>IF(AH28="","",VLOOKUP(AH28,'シフト記号表（勤務時間帯）'!$C$6:$K$35,9,FALSE))</f>
        <v/>
      </c>
      <c r="AI29" s="177" t="str">
        <f>IF(AI28="","",VLOOKUP(AI28,'シフト記号表（勤務時間帯）'!$C$6:$K$35,9,FALSE))</f>
        <v/>
      </c>
      <c r="AJ29" s="177" t="str">
        <f>IF(AJ28="","",VLOOKUP(AJ28,'シフト記号表（勤務時間帯）'!$C$6:$K$35,9,FALSE))</f>
        <v/>
      </c>
      <c r="AK29" s="177" t="str">
        <f>IF(AK28="","",VLOOKUP(AK28,'シフト記号表（勤務時間帯）'!$C$6:$K$35,9,FALSE))</f>
        <v/>
      </c>
      <c r="AL29" s="177" t="str">
        <f>IF(AL28="","",VLOOKUP(AL28,'シフト記号表（勤務時間帯）'!$C$6:$K$35,9,FALSE))</f>
        <v/>
      </c>
      <c r="AM29" s="178" t="str">
        <f>IF(AM28="","",VLOOKUP(AM28,'シフト記号表（勤務時間帯）'!$C$6:$K$35,9,FALSE))</f>
        <v/>
      </c>
      <c r="AN29" s="176" t="str">
        <f>IF(AN28="","",VLOOKUP(AN28,'シフト記号表（勤務時間帯）'!$C$6:$K$35,9,FALSE))</f>
        <v/>
      </c>
      <c r="AO29" s="177" t="str">
        <f>IF(AO28="","",VLOOKUP(AO28,'シフト記号表（勤務時間帯）'!$C$6:$K$35,9,FALSE))</f>
        <v/>
      </c>
      <c r="AP29" s="177" t="str">
        <f>IF(AP28="","",VLOOKUP(AP28,'シフト記号表（勤務時間帯）'!$C$6:$K$35,9,FALSE))</f>
        <v/>
      </c>
      <c r="AQ29" s="177" t="str">
        <f>IF(AQ28="","",VLOOKUP(AQ28,'シフト記号表（勤務時間帯）'!$C$6:$K$35,9,FALSE))</f>
        <v/>
      </c>
      <c r="AR29" s="177" t="str">
        <f>IF(AR28="","",VLOOKUP(AR28,'シフト記号表（勤務時間帯）'!$C$6:$K$35,9,FALSE))</f>
        <v/>
      </c>
      <c r="AS29" s="177" t="str">
        <f>IF(AS28="","",VLOOKUP(AS28,'シフト記号表（勤務時間帯）'!$C$6:$K$35,9,FALSE))</f>
        <v/>
      </c>
      <c r="AT29" s="178" t="str">
        <f>IF(AT28="","",VLOOKUP(AT28,'シフト記号表（勤務時間帯）'!$C$6:$K$35,9,FALSE))</f>
        <v/>
      </c>
      <c r="AU29" s="176" t="str">
        <f>IF(AU28="","",VLOOKUP(AU28,'シフト記号表（勤務時間帯）'!$C$6:$K$35,9,FALSE))</f>
        <v/>
      </c>
      <c r="AV29" s="177" t="str">
        <f>IF(AV28="","",VLOOKUP(AV28,'シフト記号表（勤務時間帯）'!$C$6:$K$35,9,FALSE))</f>
        <v/>
      </c>
      <c r="AW29" s="177" t="str">
        <f>IF(AW28="","",VLOOKUP(AW28,'シフト記号表（勤務時間帯）'!$C$6:$K$35,9,FALSE))</f>
        <v/>
      </c>
      <c r="AX29" s="552">
        <f>IF($BB$3="４週",SUM(S29:AT29),IF($BB$3="暦月",SUM(S29:AW29),""))</f>
        <v>0</v>
      </c>
      <c r="AY29" s="553"/>
      <c r="AZ29" s="554">
        <f>IF($BB$3="４週",AX29/4,IF($BB$3="暦月",通所型サービス!AX29/(通所型サービス!$BB$8/7),""))</f>
        <v>0</v>
      </c>
      <c r="BA29" s="555"/>
      <c r="BB29" s="543"/>
      <c r="BC29" s="544"/>
      <c r="BD29" s="544"/>
      <c r="BE29" s="544"/>
      <c r="BF29" s="545"/>
    </row>
    <row r="30" spans="2:58" ht="20.25" customHeight="1" x14ac:dyDescent="0.4">
      <c r="B30" s="483"/>
      <c r="C30" s="569"/>
      <c r="D30" s="570"/>
      <c r="E30" s="571"/>
      <c r="F30" s="175">
        <f>C28</f>
        <v>0</v>
      </c>
      <c r="G30" s="573"/>
      <c r="H30" s="497"/>
      <c r="I30" s="498"/>
      <c r="J30" s="498"/>
      <c r="K30" s="499"/>
      <c r="L30" s="577"/>
      <c r="M30" s="578"/>
      <c r="N30" s="578"/>
      <c r="O30" s="579"/>
      <c r="P30" s="556" t="s">
        <v>196</v>
      </c>
      <c r="Q30" s="557"/>
      <c r="R30" s="558"/>
      <c r="S30" s="180" t="str">
        <f>IF(S28="","",VLOOKUP(S28,'シフト記号表（勤務時間帯）'!$C$6:$U$35,19,FALSE))</f>
        <v/>
      </c>
      <c r="T30" s="181" t="str">
        <f>IF(T28="","",VLOOKUP(T28,'シフト記号表（勤務時間帯）'!$C$6:$U$35,19,FALSE))</f>
        <v/>
      </c>
      <c r="U30" s="181" t="str">
        <f>IF(U28="","",VLOOKUP(U28,'シフト記号表（勤務時間帯）'!$C$6:$U$35,19,FALSE))</f>
        <v/>
      </c>
      <c r="V30" s="181" t="str">
        <f>IF(V28="","",VLOOKUP(V28,'シフト記号表（勤務時間帯）'!$C$6:$U$35,19,FALSE))</f>
        <v/>
      </c>
      <c r="W30" s="181" t="str">
        <f>IF(W28="","",VLOOKUP(W28,'シフト記号表（勤務時間帯）'!$C$6:$U$35,19,FALSE))</f>
        <v/>
      </c>
      <c r="X30" s="181" t="str">
        <f>IF(X28="","",VLOOKUP(X28,'シフト記号表（勤務時間帯）'!$C$6:$U$35,19,FALSE))</f>
        <v/>
      </c>
      <c r="Y30" s="182" t="str">
        <f>IF(Y28="","",VLOOKUP(Y28,'シフト記号表（勤務時間帯）'!$C$6:$U$35,19,FALSE))</f>
        <v/>
      </c>
      <c r="Z30" s="180" t="str">
        <f>IF(Z28="","",VLOOKUP(Z28,'シフト記号表（勤務時間帯）'!$C$6:$U$35,19,FALSE))</f>
        <v/>
      </c>
      <c r="AA30" s="181" t="str">
        <f>IF(AA28="","",VLOOKUP(AA28,'シフト記号表（勤務時間帯）'!$C$6:$U$35,19,FALSE))</f>
        <v/>
      </c>
      <c r="AB30" s="181" t="str">
        <f>IF(AB28="","",VLOOKUP(AB28,'シフト記号表（勤務時間帯）'!$C$6:$U$35,19,FALSE))</f>
        <v/>
      </c>
      <c r="AC30" s="181" t="str">
        <f>IF(AC28="","",VLOOKUP(AC28,'シフト記号表（勤務時間帯）'!$C$6:$U$35,19,FALSE))</f>
        <v/>
      </c>
      <c r="AD30" s="181" t="str">
        <f>IF(AD28="","",VLOOKUP(AD28,'シフト記号表（勤務時間帯）'!$C$6:$U$35,19,FALSE))</f>
        <v/>
      </c>
      <c r="AE30" s="181" t="str">
        <f>IF(AE28="","",VLOOKUP(AE28,'シフト記号表（勤務時間帯）'!$C$6:$U$35,19,FALSE))</f>
        <v/>
      </c>
      <c r="AF30" s="182" t="str">
        <f>IF(AF28="","",VLOOKUP(AF28,'シフト記号表（勤務時間帯）'!$C$6:$U$35,19,FALSE))</f>
        <v/>
      </c>
      <c r="AG30" s="180" t="str">
        <f>IF(AG28="","",VLOOKUP(AG28,'シフト記号表（勤務時間帯）'!$C$6:$U$35,19,FALSE))</f>
        <v/>
      </c>
      <c r="AH30" s="181" t="str">
        <f>IF(AH28="","",VLOOKUP(AH28,'シフト記号表（勤務時間帯）'!$C$6:$U$35,19,FALSE))</f>
        <v/>
      </c>
      <c r="AI30" s="181" t="str">
        <f>IF(AI28="","",VLOOKUP(AI28,'シフト記号表（勤務時間帯）'!$C$6:$U$35,19,FALSE))</f>
        <v/>
      </c>
      <c r="AJ30" s="181" t="str">
        <f>IF(AJ28="","",VLOOKUP(AJ28,'シフト記号表（勤務時間帯）'!$C$6:$U$35,19,FALSE))</f>
        <v/>
      </c>
      <c r="AK30" s="181" t="str">
        <f>IF(AK28="","",VLOOKUP(AK28,'シフト記号表（勤務時間帯）'!$C$6:$U$35,19,FALSE))</f>
        <v/>
      </c>
      <c r="AL30" s="181" t="str">
        <f>IF(AL28="","",VLOOKUP(AL28,'シフト記号表（勤務時間帯）'!$C$6:$U$35,19,FALSE))</f>
        <v/>
      </c>
      <c r="AM30" s="182" t="str">
        <f>IF(AM28="","",VLOOKUP(AM28,'シフト記号表（勤務時間帯）'!$C$6:$U$35,19,FALSE))</f>
        <v/>
      </c>
      <c r="AN30" s="180" t="str">
        <f>IF(AN28="","",VLOOKUP(AN28,'シフト記号表（勤務時間帯）'!$C$6:$U$35,19,FALSE))</f>
        <v/>
      </c>
      <c r="AO30" s="181" t="str">
        <f>IF(AO28="","",VLOOKUP(AO28,'シフト記号表（勤務時間帯）'!$C$6:$U$35,19,FALSE))</f>
        <v/>
      </c>
      <c r="AP30" s="181" t="str">
        <f>IF(AP28="","",VLOOKUP(AP28,'シフト記号表（勤務時間帯）'!$C$6:$U$35,19,FALSE))</f>
        <v/>
      </c>
      <c r="AQ30" s="181" t="str">
        <f>IF(AQ28="","",VLOOKUP(AQ28,'シフト記号表（勤務時間帯）'!$C$6:$U$35,19,FALSE))</f>
        <v/>
      </c>
      <c r="AR30" s="181" t="str">
        <f>IF(AR28="","",VLOOKUP(AR28,'シフト記号表（勤務時間帯）'!$C$6:$U$35,19,FALSE))</f>
        <v/>
      </c>
      <c r="AS30" s="181" t="str">
        <f>IF(AS28="","",VLOOKUP(AS28,'シフト記号表（勤務時間帯）'!$C$6:$U$35,19,FALSE))</f>
        <v/>
      </c>
      <c r="AT30" s="182" t="str">
        <f>IF(AT28="","",VLOOKUP(AT28,'シフト記号表（勤務時間帯）'!$C$6:$U$35,19,FALSE))</f>
        <v/>
      </c>
      <c r="AU30" s="180" t="str">
        <f>IF(AU28="","",VLOOKUP(AU28,'シフト記号表（勤務時間帯）'!$C$6:$U$35,19,FALSE))</f>
        <v/>
      </c>
      <c r="AV30" s="181" t="str">
        <f>IF(AV28="","",VLOOKUP(AV28,'シフト記号表（勤務時間帯）'!$C$6:$U$35,19,FALSE))</f>
        <v/>
      </c>
      <c r="AW30" s="181" t="str">
        <f>IF(AW28="","",VLOOKUP(AW28,'シフト記号表（勤務時間帯）'!$C$6:$U$35,19,FALSE))</f>
        <v/>
      </c>
      <c r="AX30" s="559">
        <f>IF($BB$3="４週",SUM(S30:AT30),IF($BB$3="暦月",SUM(S30:AW30),""))</f>
        <v>0</v>
      </c>
      <c r="AY30" s="560"/>
      <c r="AZ30" s="561">
        <f>IF($BB$3="４週",AX30/4,IF($BB$3="暦月",通所型サービス!AX30/(通所型サービス!$BB$8/7),""))</f>
        <v>0</v>
      </c>
      <c r="BA30" s="562"/>
      <c r="BB30" s="546"/>
      <c r="BC30" s="547"/>
      <c r="BD30" s="547"/>
      <c r="BE30" s="547"/>
      <c r="BF30" s="548"/>
    </row>
    <row r="31" spans="2:58" ht="20.25" customHeight="1" x14ac:dyDescent="0.4">
      <c r="B31" s="483">
        <f>B28+1</f>
        <v>4</v>
      </c>
      <c r="C31" s="563"/>
      <c r="D31" s="564"/>
      <c r="E31" s="565"/>
      <c r="F31" s="183"/>
      <c r="G31" s="572"/>
      <c r="H31" s="330"/>
      <c r="I31" s="498"/>
      <c r="J31" s="498"/>
      <c r="K31" s="499"/>
      <c r="L31" s="574"/>
      <c r="M31" s="575"/>
      <c r="N31" s="575"/>
      <c r="O31" s="576"/>
      <c r="P31" s="580" t="s">
        <v>194</v>
      </c>
      <c r="Q31" s="581"/>
      <c r="R31" s="582"/>
      <c r="S31" s="172"/>
      <c r="T31" s="173"/>
      <c r="U31" s="173"/>
      <c r="V31" s="173"/>
      <c r="W31" s="173"/>
      <c r="X31" s="173"/>
      <c r="Y31" s="174"/>
      <c r="Z31" s="172"/>
      <c r="AA31" s="173"/>
      <c r="AB31" s="173"/>
      <c r="AC31" s="173"/>
      <c r="AD31" s="173"/>
      <c r="AE31" s="173"/>
      <c r="AF31" s="174"/>
      <c r="AG31" s="172"/>
      <c r="AH31" s="173"/>
      <c r="AI31" s="173"/>
      <c r="AJ31" s="173"/>
      <c r="AK31" s="173"/>
      <c r="AL31" s="173"/>
      <c r="AM31" s="174"/>
      <c r="AN31" s="172"/>
      <c r="AO31" s="173"/>
      <c r="AP31" s="173"/>
      <c r="AQ31" s="173"/>
      <c r="AR31" s="173"/>
      <c r="AS31" s="173"/>
      <c r="AT31" s="174"/>
      <c r="AU31" s="172"/>
      <c r="AV31" s="173"/>
      <c r="AW31" s="173"/>
      <c r="AX31" s="583"/>
      <c r="AY31" s="584"/>
      <c r="AZ31" s="585"/>
      <c r="BA31" s="586"/>
      <c r="BB31" s="587"/>
      <c r="BC31" s="588"/>
      <c r="BD31" s="588"/>
      <c r="BE31" s="588"/>
      <c r="BF31" s="589"/>
    </row>
    <row r="32" spans="2:58" ht="20.25" customHeight="1" x14ac:dyDescent="0.4">
      <c r="B32" s="483"/>
      <c r="C32" s="566"/>
      <c r="D32" s="567"/>
      <c r="E32" s="568"/>
      <c r="F32" s="175"/>
      <c r="G32" s="494"/>
      <c r="H32" s="497"/>
      <c r="I32" s="498"/>
      <c r="J32" s="498"/>
      <c r="K32" s="499"/>
      <c r="L32" s="503"/>
      <c r="M32" s="504"/>
      <c r="N32" s="504"/>
      <c r="O32" s="505"/>
      <c r="P32" s="549" t="s">
        <v>195</v>
      </c>
      <c r="Q32" s="550"/>
      <c r="R32" s="551"/>
      <c r="S32" s="176" t="str">
        <f>IF(S31="","",VLOOKUP(S31,'シフト記号表（勤務時間帯）'!$C$6:$K$35,9,FALSE))</f>
        <v/>
      </c>
      <c r="T32" s="177" t="str">
        <f>IF(T31="","",VLOOKUP(T31,'シフト記号表（勤務時間帯）'!$C$6:$K$35,9,FALSE))</f>
        <v/>
      </c>
      <c r="U32" s="177" t="str">
        <f>IF(U31="","",VLOOKUP(U31,'シフト記号表（勤務時間帯）'!$C$6:$K$35,9,FALSE))</f>
        <v/>
      </c>
      <c r="V32" s="177" t="str">
        <f>IF(V31="","",VLOOKUP(V31,'シフト記号表（勤務時間帯）'!$C$6:$K$35,9,FALSE))</f>
        <v/>
      </c>
      <c r="W32" s="177" t="str">
        <f>IF(W31="","",VLOOKUP(W31,'シフト記号表（勤務時間帯）'!$C$6:$K$35,9,FALSE))</f>
        <v/>
      </c>
      <c r="X32" s="177" t="str">
        <f>IF(X31="","",VLOOKUP(X31,'シフト記号表（勤務時間帯）'!$C$6:$K$35,9,FALSE))</f>
        <v/>
      </c>
      <c r="Y32" s="178" t="str">
        <f>IF(Y31="","",VLOOKUP(Y31,'シフト記号表（勤務時間帯）'!$C$6:$K$35,9,FALSE))</f>
        <v/>
      </c>
      <c r="Z32" s="176" t="str">
        <f>IF(Z31="","",VLOOKUP(Z31,'シフト記号表（勤務時間帯）'!$C$6:$K$35,9,FALSE))</f>
        <v/>
      </c>
      <c r="AA32" s="177" t="str">
        <f>IF(AA31="","",VLOOKUP(AA31,'シフト記号表（勤務時間帯）'!$C$6:$K$35,9,FALSE))</f>
        <v/>
      </c>
      <c r="AB32" s="177" t="str">
        <f>IF(AB31="","",VLOOKUP(AB31,'シフト記号表（勤務時間帯）'!$C$6:$K$35,9,FALSE))</f>
        <v/>
      </c>
      <c r="AC32" s="177" t="str">
        <f>IF(AC31="","",VLOOKUP(AC31,'シフト記号表（勤務時間帯）'!$C$6:$K$35,9,FALSE))</f>
        <v/>
      </c>
      <c r="AD32" s="177" t="str">
        <f>IF(AD31="","",VLOOKUP(AD31,'シフト記号表（勤務時間帯）'!$C$6:$K$35,9,FALSE))</f>
        <v/>
      </c>
      <c r="AE32" s="177" t="str">
        <f>IF(AE31="","",VLOOKUP(AE31,'シフト記号表（勤務時間帯）'!$C$6:$K$35,9,FALSE))</f>
        <v/>
      </c>
      <c r="AF32" s="178" t="str">
        <f>IF(AF31="","",VLOOKUP(AF31,'シフト記号表（勤務時間帯）'!$C$6:$K$35,9,FALSE))</f>
        <v/>
      </c>
      <c r="AG32" s="176" t="str">
        <f>IF(AG31="","",VLOOKUP(AG31,'シフト記号表（勤務時間帯）'!$C$6:$K$35,9,FALSE))</f>
        <v/>
      </c>
      <c r="AH32" s="177" t="str">
        <f>IF(AH31="","",VLOOKUP(AH31,'シフト記号表（勤務時間帯）'!$C$6:$K$35,9,FALSE))</f>
        <v/>
      </c>
      <c r="AI32" s="177" t="str">
        <f>IF(AI31="","",VLOOKUP(AI31,'シフト記号表（勤務時間帯）'!$C$6:$K$35,9,FALSE))</f>
        <v/>
      </c>
      <c r="AJ32" s="177" t="str">
        <f>IF(AJ31="","",VLOOKUP(AJ31,'シフト記号表（勤務時間帯）'!$C$6:$K$35,9,FALSE))</f>
        <v/>
      </c>
      <c r="AK32" s="177" t="str">
        <f>IF(AK31="","",VLOOKUP(AK31,'シフト記号表（勤務時間帯）'!$C$6:$K$35,9,FALSE))</f>
        <v/>
      </c>
      <c r="AL32" s="177" t="str">
        <f>IF(AL31="","",VLOOKUP(AL31,'シフト記号表（勤務時間帯）'!$C$6:$K$35,9,FALSE))</f>
        <v/>
      </c>
      <c r="AM32" s="178" t="str">
        <f>IF(AM31="","",VLOOKUP(AM31,'シフト記号表（勤務時間帯）'!$C$6:$K$35,9,FALSE))</f>
        <v/>
      </c>
      <c r="AN32" s="176" t="str">
        <f>IF(AN31="","",VLOOKUP(AN31,'シフト記号表（勤務時間帯）'!$C$6:$K$35,9,FALSE))</f>
        <v/>
      </c>
      <c r="AO32" s="177" t="str">
        <f>IF(AO31="","",VLOOKUP(AO31,'シフト記号表（勤務時間帯）'!$C$6:$K$35,9,FALSE))</f>
        <v/>
      </c>
      <c r="AP32" s="177" t="str">
        <f>IF(AP31="","",VLOOKUP(AP31,'シフト記号表（勤務時間帯）'!$C$6:$K$35,9,FALSE))</f>
        <v/>
      </c>
      <c r="AQ32" s="177" t="str">
        <f>IF(AQ31="","",VLOOKUP(AQ31,'シフト記号表（勤務時間帯）'!$C$6:$K$35,9,FALSE))</f>
        <v/>
      </c>
      <c r="AR32" s="177" t="str">
        <f>IF(AR31="","",VLOOKUP(AR31,'シフト記号表（勤務時間帯）'!$C$6:$K$35,9,FALSE))</f>
        <v/>
      </c>
      <c r="AS32" s="177" t="str">
        <f>IF(AS31="","",VLOOKUP(AS31,'シフト記号表（勤務時間帯）'!$C$6:$K$35,9,FALSE))</f>
        <v/>
      </c>
      <c r="AT32" s="178" t="str">
        <f>IF(AT31="","",VLOOKUP(AT31,'シフト記号表（勤務時間帯）'!$C$6:$K$35,9,FALSE))</f>
        <v/>
      </c>
      <c r="AU32" s="176" t="str">
        <f>IF(AU31="","",VLOOKUP(AU31,'シフト記号表（勤務時間帯）'!$C$6:$K$35,9,FALSE))</f>
        <v/>
      </c>
      <c r="AV32" s="177" t="str">
        <f>IF(AV31="","",VLOOKUP(AV31,'シフト記号表（勤務時間帯）'!$C$6:$K$35,9,FALSE))</f>
        <v/>
      </c>
      <c r="AW32" s="177" t="str">
        <f>IF(AW31="","",VLOOKUP(AW31,'シフト記号表（勤務時間帯）'!$C$6:$K$35,9,FALSE))</f>
        <v/>
      </c>
      <c r="AX32" s="552">
        <f>IF($BB$3="４週",SUM(S32:AT32),IF($BB$3="暦月",SUM(S32:AW32),""))</f>
        <v>0</v>
      </c>
      <c r="AY32" s="553"/>
      <c r="AZ32" s="554">
        <f>IF($BB$3="４週",AX32/4,IF($BB$3="暦月",通所型サービス!AX32/(通所型サービス!$BB$8/7),""))</f>
        <v>0</v>
      </c>
      <c r="BA32" s="555"/>
      <c r="BB32" s="543"/>
      <c r="BC32" s="544"/>
      <c r="BD32" s="544"/>
      <c r="BE32" s="544"/>
      <c r="BF32" s="545"/>
    </row>
    <row r="33" spans="2:58" ht="20.25" customHeight="1" x14ac:dyDescent="0.4">
      <c r="B33" s="483"/>
      <c r="C33" s="569"/>
      <c r="D33" s="570"/>
      <c r="E33" s="571"/>
      <c r="F33" s="175">
        <f>C31</f>
        <v>0</v>
      </c>
      <c r="G33" s="573"/>
      <c r="H33" s="497"/>
      <c r="I33" s="498"/>
      <c r="J33" s="498"/>
      <c r="K33" s="499"/>
      <c r="L33" s="577"/>
      <c r="M33" s="578"/>
      <c r="N33" s="578"/>
      <c r="O33" s="579"/>
      <c r="P33" s="556" t="s">
        <v>196</v>
      </c>
      <c r="Q33" s="557"/>
      <c r="R33" s="558"/>
      <c r="S33" s="180" t="str">
        <f>IF(S31="","",VLOOKUP(S31,'シフト記号表（勤務時間帯）'!$C$6:$U$35,19,FALSE))</f>
        <v/>
      </c>
      <c r="T33" s="181" t="str">
        <f>IF(T31="","",VLOOKUP(T31,'シフト記号表（勤務時間帯）'!$C$6:$U$35,19,FALSE))</f>
        <v/>
      </c>
      <c r="U33" s="181" t="str">
        <f>IF(U31="","",VLOOKUP(U31,'シフト記号表（勤務時間帯）'!$C$6:$U$35,19,FALSE))</f>
        <v/>
      </c>
      <c r="V33" s="181" t="str">
        <f>IF(V31="","",VLOOKUP(V31,'シフト記号表（勤務時間帯）'!$C$6:$U$35,19,FALSE))</f>
        <v/>
      </c>
      <c r="W33" s="181" t="str">
        <f>IF(W31="","",VLOOKUP(W31,'シフト記号表（勤務時間帯）'!$C$6:$U$35,19,FALSE))</f>
        <v/>
      </c>
      <c r="X33" s="181" t="str">
        <f>IF(X31="","",VLOOKUP(X31,'シフト記号表（勤務時間帯）'!$C$6:$U$35,19,FALSE))</f>
        <v/>
      </c>
      <c r="Y33" s="182" t="str">
        <f>IF(Y31="","",VLOOKUP(Y31,'シフト記号表（勤務時間帯）'!$C$6:$U$35,19,FALSE))</f>
        <v/>
      </c>
      <c r="Z33" s="180" t="str">
        <f>IF(Z31="","",VLOOKUP(Z31,'シフト記号表（勤務時間帯）'!$C$6:$U$35,19,FALSE))</f>
        <v/>
      </c>
      <c r="AA33" s="181" t="str">
        <f>IF(AA31="","",VLOOKUP(AA31,'シフト記号表（勤務時間帯）'!$C$6:$U$35,19,FALSE))</f>
        <v/>
      </c>
      <c r="AB33" s="181" t="str">
        <f>IF(AB31="","",VLOOKUP(AB31,'シフト記号表（勤務時間帯）'!$C$6:$U$35,19,FALSE))</f>
        <v/>
      </c>
      <c r="AC33" s="181" t="str">
        <f>IF(AC31="","",VLOOKUP(AC31,'シフト記号表（勤務時間帯）'!$C$6:$U$35,19,FALSE))</f>
        <v/>
      </c>
      <c r="AD33" s="181" t="str">
        <f>IF(AD31="","",VLOOKUP(AD31,'シフト記号表（勤務時間帯）'!$C$6:$U$35,19,FALSE))</f>
        <v/>
      </c>
      <c r="AE33" s="181" t="str">
        <f>IF(AE31="","",VLOOKUP(AE31,'シフト記号表（勤務時間帯）'!$C$6:$U$35,19,FALSE))</f>
        <v/>
      </c>
      <c r="AF33" s="182" t="str">
        <f>IF(AF31="","",VLOOKUP(AF31,'シフト記号表（勤務時間帯）'!$C$6:$U$35,19,FALSE))</f>
        <v/>
      </c>
      <c r="AG33" s="180" t="str">
        <f>IF(AG31="","",VLOOKUP(AG31,'シフト記号表（勤務時間帯）'!$C$6:$U$35,19,FALSE))</f>
        <v/>
      </c>
      <c r="AH33" s="181" t="str">
        <f>IF(AH31="","",VLOOKUP(AH31,'シフト記号表（勤務時間帯）'!$C$6:$U$35,19,FALSE))</f>
        <v/>
      </c>
      <c r="AI33" s="181" t="str">
        <f>IF(AI31="","",VLOOKUP(AI31,'シフト記号表（勤務時間帯）'!$C$6:$U$35,19,FALSE))</f>
        <v/>
      </c>
      <c r="AJ33" s="181" t="str">
        <f>IF(AJ31="","",VLOOKUP(AJ31,'シフト記号表（勤務時間帯）'!$C$6:$U$35,19,FALSE))</f>
        <v/>
      </c>
      <c r="AK33" s="181" t="str">
        <f>IF(AK31="","",VLOOKUP(AK31,'シフト記号表（勤務時間帯）'!$C$6:$U$35,19,FALSE))</f>
        <v/>
      </c>
      <c r="AL33" s="181" t="str">
        <f>IF(AL31="","",VLOOKUP(AL31,'シフト記号表（勤務時間帯）'!$C$6:$U$35,19,FALSE))</f>
        <v/>
      </c>
      <c r="AM33" s="182" t="str">
        <f>IF(AM31="","",VLOOKUP(AM31,'シフト記号表（勤務時間帯）'!$C$6:$U$35,19,FALSE))</f>
        <v/>
      </c>
      <c r="AN33" s="180" t="str">
        <f>IF(AN31="","",VLOOKUP(AN31,'シフト記号表（勤務時間帯）'!$C$6:$U$35,19,FALSE))</f>
        <v/>
      </c>
      <c r="AO33" s="181" t="str">
        <f>IF(AO31="","",VLOOKUP(AO31,'シフト記号表（勤務時間帯）'!$C$6:$U$35,19,FALSE))</f>
        <v/>
      </c>
      <c r="AP33" s="181" t="str">
        <f>IF(AP31="","",VLOOKUP(AP31,'シフト記号表（勤務時間帯）'!$C$6:$U$35,19,FALSE))</f>
        <v/>
      </c>
      <c r="AQ33" s="181" t="str">
        <f>IF(AQ31="","",VLOOKUP(AQ31,'シフト記号表（勤務時間帯）'!$C$6:$U$35,19,FALSE))</f>
        <v/>
      </c>
      <c r="AR33" s="181" t="str">
        <f>IF(AR31="","",VLOOKUP(AR31,'シフト記号表（勤務時間帯）'!$C$6:$U$35,19,FALSE))</f>
        <v/>
      </c>
      <c r="AS33" s="181" t="str">
        <f>IF(AS31="","",VLOOKUP(AS31,'シフト記号表（勤務時間帯）'!$C$6:$U$35,19,FALSE))</f>
        <v/>
      </c>
      <c r="AT33" s="182" t="str">
        <f>IF(AT31="","",VLOOKUP(AT31,'シフト記号表（勤務時間帯）'!$C$6:$U$35,19,FALSE))</f>
        <v/>
      </c>
      <c r="AU33" s="180" t="str">
        <f>IF(AU31="","",VLOOKUP(AU31,'シフト記号表（勤務時間帯）'!$C$6:$U$35,19,FALSE))</f>
        <v/>
      </c>
      <c r="AV33" s="181" t="str">
        <f>IF(AV31="","",VLOOKUP(AV31,'シフト記号表（勤務時間帯）'!$C$6:$U$35,19,FALSE))</f>
        <v/>
      </c>
      <c r="AW33" s="181" t="str">
        <f>IF(AW31="","",VLOOKUP(AW31,'シフト記号表（勤務時間帯）'!$C$6:$U$35,19,FALSE))</f>
        <v/>
      </c>
      <c r="AX33" s="559">
        <f>IF($BB$3="４週",SUM(S33:AT33),IF($BB$3="暦月",SUM(S33:AW33),""))</f>
        <v>0</v>
      </c>
      <c r="AY33" s="560"/>
      <c r="AZ33" s="561">
        <f>IF($BB$3="４週",AX33/4,IF($BB$3="暦月",通所型サービス!AX33/(通所型サービス!$BB$8/7),""))</f>
        <v>0</v>
      </c>
      <c r="BA33" s="562"/>
      <c r="BB33" s="546"/>
      <c r="BC33" s="547"/>
      <c r="BD33" s="547"/>
      <c r="BE33" s="547"/>
      <c r="BF33" s="548"/>
    </row>
    <row r="34" spans="2:58" ht="20.25" customHeight="1" x14ac:dyDescent="0.4">
      <c r="B34" s="483">
        <f>B31+1</f>
        <v>5</v>
      </c>
      <c r="C34" s="563"/>
      <c r="D34" s="564"/>
      <c r="E34" s="565"/>
      <c r="F34" s="183"/>
      <c r="G34" s="572"/>
      <c r="H34" s="330"/>
      <c r="I34" s="498"/>
      <c r="J34" s="498"/>
      <c r="K34" s="499"/>
      <c r="L34" s="574"/>
      <c r="M34" s="575"/>
      <c r="N34" s="575"/>
      <c r="O34" s="576"/>
      <c r="P34" s="580" t="s">
        <v>194</v>
      </c>
      <c r="Q34" s="581"/>
      <c r="R34" s="582"/>
      <c r="S34" s="172"/>
      <c r="T34" s="173"/>
      <c r="U34" s="173"/>
      <c r="V34" s="173"/>
      <c r="W34" s="173"/>
      <c r="X34" s="173"/>
      <c r="Y34" s="174"/>
      <c r="Z34" s="172"/>
      <c r="AA34" s="173"/>
      <c r="AB34" s="173"/>
      <c r="AC34" s="173"/>
      <c r="AD34" s="173"/>
      <c r="AE34" s="173"/>
      <c r="AF34" s="174"/>
      <c r="AG34" s="172"/>
      <c r="AH34" s="173"/>
      <c r="AI34" s="173"/>
      <c r="AJ34" s="173"/>
      <c r="AK34" s="173"/>
      <c r="AL34" s="173"/>
      <c r="AM34" s="174"/>
      <c r="AN34" s="172"/>
      <c r="AO34" s="173"/>
      <c r="AP34" s="173"/>
      <c r="AQ34" s="173"/>
      <c r="AR34" s="173"/>
      <c r="AS34" s="173"/>
      <c r="AT34" s="174"/>
      <c r="AU34" s="172"/>
      <c r="AV34" s="173"/>
      <c r="AW34" s="173"/>
      <c r="AX34" s="583"/>
      <c r="AY34" s="584"/>
      <c r="AZ34" s="585"/>
      <c r="BA34" s="586"/>
      <c r="BB34" s="587"/>
      <c r="BC34" s="588"/>
      <c r="BD34" s="588"/>
      <c r="BE34" s="588"/>
      <c r="BF34" s="589"/>
    </row>
    <row r="35" spans="2:58" ht="20.25" customHeight="1" x14ac:dyDescent="0.4">
      <c r="B35" s="483"/>
      <c r="C35" s="566"/>
      <c r="D35" s="567"/>
      <c r="E35" s="568"/>
      <c r="F35" s="175"/>
      <c r="G35" s="494"/>
      <c r="H35" s="497"/>
      <c r="I35" s="498"/>
      <c r="J35" s="498"/>
      <c r="K35" s="499"/>
      <c r="L35" s="503"/>
      <c r="M35" s="504"/>
      <c r="N35" s="504"/>
      <c r="O35" s="505"/>
      <c r="P35" s="549" t="s">
        <v>195</v>
      </c>
      <c r="Q35" s="550"/>
      <c r="R35" s="551"/>
      <c r="S35" s="176" t="str">
        <f>IF(S34="","",VLOOKUP(S34,'シフト記号表（勤務時間帯）'!$C$6:$K$35,9,FALSE))</f>
        <v/>
      </c>
      <c r="T35" s="177" t="str">
        <f>IF(T34="","",VLOOKUP(T34,'シフト記号表（勤務時間帯）'!$C$6:$K$35,9,FALSE))</f>
        <v/>
      </c>
      <c r="U35" s="177" t="str">
        <f>IF(U34="","",VLOOKUP(U34,'シフト記号表（勤務時間帯）'!$C$6:$K$35,9,FALSE))</f>
        <v/>
      </c>
      <c r="V35" s="177" t="str">
        <f>IF(V34="","",VLOOKUP(V34,'シフト記号表（勤務時間帯）'!$C$6:$K$35,9,FALSE))</f>
        <v/>
      </c>
      <c r="W35" s="177" t="str">
        <f>IF(W34="","",VLOOKUP(W34,'シフト記号表（勤務時間帯）'!$C$6:$K$35,9,FALSE))</f>
        <v/>
      </c>
      <c r="X35" s="177" t="str">
        <f>IF(X34="","",VLOOKUP(X34,'シフト記号表（勤務時間帯）'!$C$6:$K$35,9,FALSE))</f>
        <v/>
      </c>
      <c r="Y35" s="178" t="str">
        <f>IF(Y34="","",VLOOKUP(Y34,'シフト記号表（勤務時間帯）'!$C$6:$K$35,9,FALSE))</f>
        <v/>
      </c>
      <c r="Z35" s="176" t="str">
        <f>IF(Z34="","",VLOOKUP(Z34,'シフト記号表（勤務時間帯）'!$C$6:$K$35,9,FALSE))</f>
        <v/>
      </c>
      <c r="AA35" s="177" t="str">
        <f>IF(AA34="","",VLOOKUP(AA34,'シフト記号表（勤務時間帯）'!$C$6:$K$35,9,FALSE))</f>
        <v/>
      </c>
      <c r="AB35" s="177" t="str">
        <f>IF(AB34="","",VLOOKUP(AB34,'シフト記号表（勤務時間帯）'!$C$6:$K$35,9,FALSE))</f>
        <v/>
      </c>
      <c r="AC35" s="177" t="str">
        <f>IF(AC34="","",VLOOKUP(AC34,'シフト記号表（勤務時間帯）'!$C$6:$K$35,9,FALSE))</f>
        <v/>
      </c>
      <c r="AD35" s="177" t="str">
        <f>IF(AD34="","",VLOOKUP(AD34,'シフト記号表（勤務時間帯）'!$C$6:$K$35,9,FALSE))</f>
        <v/>
      </c>
      <c r="AE35" s="177" t="str">
        <f>IF(AE34="","",VLOOKUP(AE34,'シフト記号表（勤務時間帯）'!$C$6:$K$35,9,FALSE))</f>
        <v/>
      </c>
      <c r="AF35" s="178" t="str">
        <f>IF(AF34="","",VLOOKUP(AF34,'シフト記号表（勤務時間帯）'!$C$6:$K$35,9,FALSE))</f>
        <v/>
      </c>
      <c r="AG35" s="176" t="str">
        <f>IF(AG34="","",VLOOKUP(AG34,'シフト記号表（勤務時間帯）'!$C$6:$K$35,9,FALSE))</f>
        <v/>
      </c>
      <c r="AH35" s="177" t="str">
        <f>IF(AH34="","",VLOOKUP(AH34,'シフト記号表（勤務時間帯）'!$C$6:$K$35,9,FALSE))</f>
        <v/>
      </c>
      <c r="AI35" s="177" t="str">
        <f>IF(AI34="","",VLOOKUP(AI34,'シフト記号表（勤務時間帯）'!$C$6:$K$35,9,FALSE))</f>
        <v/>
      </c>
      <c r="AJ35" s="177" t="str">
        <f>IF(AJ34="","",VLOOKUP(AJ34,'シフト記号表（勤務時間帯）'!$C$6:$K$35,9,FALSE))</f>
        <v/>
      </c>
      <c r="AK35" s="177" t="str">
        <f>IF(AK34="","",VLOOKUP(AK34,'シフト記号表（勤務時間帯）'!$C$6:$K$35,9,FALSE))</f>
        <v/>
      </c>
      <c r="AL35" s="177" t="str">
        <f>IF(AL34="","",VLOOKUP(AL34,'シフト記号表（勤務時間帯）'!$C$6:$K$35,9,FALSE))</f>
        <v/>
      </c>
      <c r="AM35" s="178" t="str">
        <f>IF(AM34="","",VLOOKUP(AM34,'シフト記号表（勤務時間帯）'!$C$6:$K$35,9,FALSE))</f>
        <v/>
      </c>
      <c r="AN35" s="176" t="str">
        <f>IF(AN34="","",VLOOKUP(AN34,'シフト記号表（勤務時間帯）'!$C$6:$K$35,9,FALSE))</f>
        <v/>
      </c>
      <c r="AO35" s="177" t="str">
        <f>IF(AO34="","",VLOOKUP(AO34,'シフト記号表（勤務時間帯）'!$C$6:$K$35,9,FALSE))</f>
        <v/>
      </c>
      <c r="AP35" s="177" t="str">
        <f>IF(AP34="","",VLOOKUP(AP34,'シフト記号表（勤務時間帯）'!$C$6:$K$35,9,FALSE))</f>
        <v/>
      </c>
      <c r="AQ35" s="177" t="str">
        <f>IF(AQ34="","",VLOOKUP(AQ34,'シフト記号表（勤務時間帯）'!$C$6:$K$35,9,FALSE))</f>
        <v/>
      </c>
      <c r="AR35" s="177" t="str">
        <f>IF(AR34="","",VLOOKUP(AR34,'シフト記号表（勤務時間帯）'!$C$6:$K$35,9,FALSE))</f>
        <v/>
      </c>
      <c r="AS35" s="177" t="str">
        <f>IF(AS34="","",VLOOKUP(AS34,'シフト記号表（勤務時間帯）'!$C$6:$K$35,9,FALSE))</f>
        <v/>
      </c>
      <c r="AT35" s="178" t="str">
        <f>IF(AT34="","",VLOOKUP(AT34,'シフト記号表（勤務時間帯）'!$C$6:$K$35,9,FALSE))</f>
        <v/>
      </c>
      <c r="AU35" s="176" t="str">
        <f>IF(AU34="","",VLOOKUP(AU34,'シフト記号表（勤務時間帯）'!$C$6:$K$35,9,FALSE))</f>
        <v/>
      </c>
      <c r="AV35" s="177" t="str">
        <f>IF(AV34="","",VLOOKUP(AV34,'シフト記号表（勤務時間帯）'!$C$6:$K$35,9,FALSE))</f>
        <v/>
      </c>
      <c r="AW35" s="177" t="str">
        <f>IF(AW34="","",VLOOKUP(AW34,'シフト記号表（勤務時間帯）'!$C$6:$K$35,9,FALSE))</f>
        <v/>
      </c>
      <c r="AX35" s="552">
        <f>IF($BB$3="４週",SUM(S35:AT35),IF($BB$3="暦月",SUM(S35:AW35),""))</f>
        <v>0</v>
      </c>
      <c r="AY35" s="553"/>
      <c r="AZ35" s="554">
        <f>IF($BB$3="４週",AX35/4,IF($BB$3="暦月",通所型サービス!AX35/(通所型サービス!$BB$8/7),""))</f>
        <v>0</v>
      </c>
      <c r="BA35" s="555"/>
      <c r="BB35" s="543"/>
      <c r="BC35" s="544"/>
      <c r="BD35" s="544"/>
      <c r="BE35" s="544"/>
      <c r="BF35" s="545"/>
    </row>
    <row r="36" spans="2:58" ht="20.25" customHeight="1" x14ac:dyDescent="0.4">
      <c r="B36" s="483"/>
      <c r="C36" s="569"/>
      <c r="D36" s="570"/>
      <c r="E36" s="571"/>
      <c r="F36" s="175">
        <f>C34</f>
        <v>0</v>
      </c>
      <c r="G36" s="573"/>
      <c r="H36" s="497"/>
      <c r="I36" s="498"/>
      <c r="J36" s="498"/>
      <c r="K36" s="499"/>
      <c r="L36" s="577"/>
      <c r="M36" s="578"/>
      <c r="N36" s="578"/>
      <c r="O36" s="579"/>
      <c r="P36" s="556" t="s">
        <v>196</v>
      </c>
      <c r="Q36" s="557"/>
      <c r="R36" s="558"/>
      <c r="S36" s="180" t="str">
        <f>IF(S34="","",VLOOKUP(S34,'シフト記号表（勤務時間帯）'!$C$6:$U$35,19,FALSE))</f>
        <v/>
      </c>
      <c r="T36" s="181" t="str">
        <f>IF(T34="","",VLOOKUP(T34,'シフト記号表（勤務時間帯）'!$C$6:$U$35,19,FALSE))</f>
        <v/>
      </c>
      <c r="U36" s="181" t="str">
        <f>IF(U34="","",VLOOKUP(U34,'シフト記号表（勤務時間帯）'!$C$6:$U$35,19,FALSE))</f>
        <v/>
      </c>
      <c r="V36" s="181" t="str">
        <f>IF(V34="","",VLOOKUP(V34,'シフト記号表（勤務時間帯）'!$C$6:$U$35,19,FALSE))</f>
        <v/>
      </c>
      <c r="W36" s="181" t="str">
        <f>IF(W34="","",VLOOKUP(W34,'シフト記号表（勤務時間帯）'!$C$6:$U$35,19,FALSE))</f>
        <v/>
      </c>
      <c r="X36" s="181" t="str">
        <f>IF(X34="","",VLOOKUP(X34,'シフト記号表（勤務時間帯）'!$C$6:$U$35,19,FALSE))</f>
        <v/>
      </c>
      <c r="Y36" s="182" t="str">
        <f>IF(Y34="","",VLOOKUP(Y34,'シフト記号表（勤務時間帯）'!$C$6:$U$35,19,FALSE))</f>
        <v/>
      </c>
      <c r="Z36" s="180" t="str">
        <f>IF(Z34="","",VLOOKUP(Z34,'シフト記号表（勤務時間帯）'!$C$6:$U$35,19,FALSE))</f>
        <v/>
      </c>
      <c r="AA36" s="181" t="str">
        <f>IF(AA34="","",VLOOKUP(AA34,'シフト記号表（勤務時間帯）'!$C$6:$U$35,19,FALSE))</f>
        <v/>
      </c>
      <c r="AB36" s="181" t="str">
        <f>IF(AB34="","",VLOOKUP(AB34,'シフト記号表（勤務時間帯）'!$C$6:$U$35,19,FALSE))</f>
        <v/>
      </c>
      <c r="AC36" s="181" t="str">
        <f>IF(AC34="","",VLOOKUP(AC34,'シフト記号表（勤務時間帯）'!$C$6:$U$35,19,FALSE))</f>
        <v/>
      </c>
      <c r="AD36" s="181" t="str">
        <f>IF(AD34="","",VLOOKUP(AD34,'シフト記号表（勤務時間帯）'!$C$6:$U$35,19,FALSE))</f>
        <v/>
      </c>
      <c r="AE36" s="181" t="str">
        <f>IF(AE34="","",VLOOKUP(AE34,'シフト記号表（勤務時間帯）'!$C$6:$U$35,19,FALSE))</f>
        <v/>
      </c>
      <c r="AF36" s="182" t="str">
        <f>IF(AF34="","",VLOOKUP(AF34,'シフト記号表（勤務時間帯）'!$C$6:$U$35,19,FALSE))</f>
        <v/>
      </c>
      <c r="AG36" s="180" t="str">
        <f>IF(AG34="","",VLOOKUP(AG34,'シフト記号表（勤務時間帯）'!$C$6:$U$35,19,FALSE))</f>
        <v/>
      </c>
      <c r="AH36" s="181" t="str">
        <f>IF(AH34="","",VLOOKUP(AH34,'シフト記号表（勤務時間帯）'!$C$6:$U$35,19,FALSE))</f>
        <v/>
      </c>
      <c r="AI36" s="181" t="str">
        <f>IF(AI34="","",VLOOKUP(AI34,'シフト記号表（勤務時間帯）'!$C$6:$U$35,19,FALSE))</f>
        <v/>
      </c>
      <c r="AJ36" s="181" t="str">
        <f>IF(AJ34="","",VLOOKUP(AJ34,'シフト記号表（勤務時間帯）'!$C$6:$U$35,19,FALSE))</f>
        <v/>
      </c>
      <c r="AK36" s="181" t="str">
        <f>IF(AK34="","",VLOOKUP(AK34,'シフト記号表（勤務時間帯）'!$C$6:$U$35,19,FALSE))</f>
        <v/>
      </c>
      <c r="AL36" s="181" t="str">
        <f>IF(AL34="","",VLOOKUP(AL34,'シフト記号表（勤務時間帯）'!$C$6:$U$35,19,FALSE))</f>
        <v/>
      </c>
      <c r="AM36" s="182" t="str">
        <f>IF(AM34="","",VLOOKUP(AM34,'シフト記号表（勤務時間帯）'!$C$6:$U$35,19,FALSE))</f>
        <v/>
      </c>
      <c r="AN36" s="180" t="str">
        <f>IF(AN34="","",VLOOKUP(AN34,'シフト記号表（勤務時間帯）'!$C$6:$U$35,19,FALSE))</f>
        <v/>
      </c>
      <c r="AO36" s="181" t="str">
        <f>IF(AO34="","",VLOOKUP(AO34,'シフト記号表（勤務時間帯）'!$C$6:$U$35,19,FALSE))</f>
        <v/>
      </c>
      <c r="AP36" s="181" t="str">
        <f>IF(AP34="","",VLOOKUP(AP34,'シフト記号表（勤務時間帯）'!$C$6:$U$35,19,FALSE))</f>
        <v/>
      </c>
      <c r="AQ36" s="181" t="str">
        <f>IF(AQ34="","",VLOOKUP(AQ34,'シフト記号表（勤務時間帯）'!$C$6:$U$35,19,FALSE))</f>
        <v/>
      </c>
      <c r="AR36" s="181" t="str">
        <f>IF(AR34="","",VLOOKUP(AR34,'シフト記号表（勤務時間帯）'!$C$6:$U$35,19,FALSE))</f>
        <v/>
      </c>
      <c r="AS36" s="181" t="str">
        <f>IF(AS34="","",VLOOKUP(AS34,'シフト記号表（勤務時間帯）'!$C$6:$U$35,19,FALSE))</f>
        <v/>
      </c>
      <c r="AT36" s="182" t="str">
        <f>IF(AT34="","",VLOOKUP(AT34,'シフト記号表（勤務時間帯）'!$C$6:$U$35,19,FALSE))</f>
        <v/>
      </c>
      <c r="AU36" s="180" t="str">
        <f>IF(AU34="","",VLOOKUP(AU34,'シフト記号表（勤務時間帯）'!$C$6:$U$35,19,FALSE))</f>
        <v/>
      </c>
      <c r="AV36" s="181" t="str">
        <f>IF(AV34="","",VLOOKUP(AV34,'シフト記号表（勤務時間帯）'!$C$6:$U$35,19,FALSE))</f>
        <v/>
      </c>
      <c r="AW36" s="181" t="str">
        <f>IF(AW34="","",VLOOKUP(AW34,'シフト記号表（勤務時間帯）'!$C$6:$U$35,19,FALSE))</f>
        <v/>
      </c>
      <c r="AX36" s="559">
        <f>IF($BB$3="４週",SUM(S36:AT36),IF($BB$3="暦月",SUM(S36:AW36),""))</f>
        <v>0</v>
      </c>
      <c r="AY36" s="560"/>
      <c r="AZ36" s="561">
        <f>IF($BB$3="４週",AX36/4,IF($BB$3="暦月",通所型サービス!AX36/(通所型サービス!$BB$8/7),""))</f>
        <v>0</v>
      </c>
      <c r="BA36" s="562"/>
      <c r="BB36" s="546"/>
      <c r="BC36" s="547"/>
      <c r="BD36" s="547"/>
      <c r="BE36" s="547"/>
      <c r="BF36" s="548"/>
    </row>
    <row r="37" spans="2:58" ht="20.25" customHeight="1" x14ac:dyDescent="0.4">
      <c r="B37" s="483">
        <f>B34+1</f>
        <v>6</v>
      </c>
      <c r="C37" s="563"/>
      <c r="D37" s="564"/>
      <c r="E37" s="565"/>
      <c r="F37" s="183"/>
      <c r="G37" s="572"/>
      <c r="H37" s="330"/>
      <c r="I37" s="498"/>
      <c r="J37" s="498"/>
      <c r="K37" s="499"/>
      <c r="L37" s="574"/>
      <c r="M37" s="575"/>
      <c r="N37" s="575"/>
      <c r="O37" s="576"/>
      <c r="P37" s="580" t="s">
        <v>194</v>
      </c>
      <c r="Q37" s="581"/>
      <c r="R37" s="582"/>
      <c r="S37" s="172"/>
      <c r="T37" s="173"/>
      <c r="U37" s="173"/>
      <c r="V37" s="173"/>
      <c r="W37" s="173"/>
      <c r="X37" s="173"/>
      <c r="Y37" s="174"/>
      <c r="Z37" s="172"/>
      <c r="AA37" s="173"/>
      <c r="AB37" s="173"/>
      <c r="AC37" s="173"/>
      <c r="AD37" s="173"/>
      <c r="AE37" s="173"/>
      <c r="AF37" s="174"/>
      <c r="AG37" s="172"/>
      <c r="AH37" s="173"/>
      <c r="AI37" s="173"/>
      <c r="AJ37" s="173"/>
      <c r="AK37" s="173"/>
      <c r="AL37" s="173"/>
      <c r="AM37" s="174"/>
      <c r="AN37" s="172"/>
      <c r="AO37" s="173"/>
      <c r="AP37" s="173"/>
      <c r="AQ37" s="173"/>
      <c r="AR37" s="173"/>
      <c r="AS37" s="173"/>
      <c r="AT37" s="174"/>
      <c r="AU37" s="172"/>
      <c r="AV37" s="173"/>
      <c r="AW37" s="173"/>
      <c r="AX37" s="583"/>
      <c r="AY37" s="584"/>
      <c r="AZ37" s="585"/>
      <c r="BA37" s="586"/>
      <c r="BB37" s="587"/>
      <c r="BC37" s="588"/>
      <c r="BD37" s="588"/>
      <c r="BE37" s="588"/>
      <c r="BF37" s="589"/>
    </row>
    <row r="38" spans="2:58" ht="20.25" customHeight="1" x14ac:dyDescent="0.4">
      <c r="B38" s="483"/>
      <c r="C38" s="566"/>
      <c r="D38" s="567"/>
      <c r="E38" s="568"/>
      <c r="F38" s="175"/>
      <c r="G38" s="494"/>
      <c r="H38" s="497"/>
      <c r="I38" s="498"/>
      <c r="J38" s="498"/>
      <c r="K38" s="499"/>
      <c r="L38" s="503"/>
      <c r="M38" s="504"/>
      <c r="N38" s="504"/>
      <c r="O38" s="505"/>
      <c r="P38" s="549" t="s">
        <v>195</v>
      </c>
      <c r="Q38" s="550"/>
      <c r="R38" s="551"/>
      <c r="S38" s="176" t="str">
        <f>IF(S37="","",VLOOKUP(S37,'シフト記号表（勤務時間帯）'!$C$6:$K$35,9,FALSE))</f>
        <v/>
      </c>
      <c r="T38" s="177" t="str">
        <f>IF(T37="","",VLOOKUP(T37,'シフト記号表（勤務時間帯）'!$C$6:$K$35,9,FALSE))</f>
        <v/>
      </c>
      <c r="U38" s="177" t="str">
        <f>IF(U37="","",VLOOKUP(U37,'シフト記号表（勤務時間帯）'!$C$6:$K$35,9,FALSE))</f>
        <v/>
      </c>
      <c r="V38" s="177" t="str">
        <f>IF(V37="","",VLOOKUP(V37,'シフト記号表（勤務時間帯）'!$C$6:$K$35,9,FALSE))</f>
        <v/>
      </c>
      <c r="W38" s="177" t="str">
        <f>IF(W37="","",VLOOKUP(W37,'シフト記号表（勤務時間帯）'!$C$6:$K$35,9,FALSE))</f>
        <v/>
      </c>
      <c r="X38" s="177" t="str">
        <f>IF(X37="","",VLOOKUP(X37,'シフト記号表（勤務時間帯）'!$C$6:$K$35,9,FALSE))</f>
        <v/>
      </c>
      <c r="Y38" s="178" t="str">
        <f>IF(Y37="","",VLOOKUP(Y37,'シフト記号表（勤務時間帯）'!$C$6:$K$35,9,FALSE))</f>
        <v/>
      </c>
      <c r="Z38" s="176" t="str">
        <f>IF(Z37="","",VLOOKUP(Z37,'シフト記号表（勤務時間帯）'!$C$6:$K$35,9,FALSE))</f>
        <v/>
      </c>
      <c r="AA38" s="177" t="str">
        <f>IF(AA37="","",VLOOKUP(AA37,'シフト記号表（勤務時間帯）'!$C$6:$K$35,9,FALSE))</f>
        <v/>
      </c>
      <c r="AB38" s="177" t="str">
        <f>IF(AB37="","",VLOOKUP(AB37,'シフト記号表（勤務時間帯）'!$C$6:$K$35,9,FALSE))</f>
        <v/>
      </c>
      <c r="AC38" s="177" t="str">
        <f>IF(AC37="","",VLOOKUP(AC37,'シフト記号表（勤務時間帯）'!$C$6:$K$35,9,FALSE))</f>
        <v/>
      </c>
      <c r="AD38" s="177" t="str">
        <f>IF(AD37="","",VLOOKUP(AD37,'シフト記号表（勤務時間帯）'!$C$6:$K$35,9,FALSE))</f>
        <v/>
      </c>
      <c r="AE38" s="177" t="str">
        <f>IF(AE37="","",VLOOKUP(AE37,'シフト記号表（勤務時間帯）'!$C$6:$K$35,9,FALSE))</f>
        <v/>
      </c>
      <c r="AF38" s="178" t="str">
        <f>IF(AF37="","",VLOOKUP(AF37,'シフト記号表（勤務時間帯）'!$C$6:$K$35,9,FALSE))</f>
        <v/>
      </c>
      <c r="AG38" s="176" t="str">
        <f>IF(AG37="","",VLOOKUP(AG37,'シフト記号表（勤務時間帯）'!$C$6:$K$35,9,FALSE))</f>
        <v/>
      </c>
      <c r="AH38" s="177" t="str">
        <f>IF(AH37="","",VLOOKUP(AH37,'シフト記号表（勤務時間帯）'!$C$6:$K$35,9,FALSE))</f>
        <v/>
      </c>
      <c r="AI38" s="177" t="str">
        <f>IF(AI37="","",VLOOKUP(AI37,'シフト記号表（勤務時間帯）'!$C$6:$K$35,9,FALSE))</f>
        <v/>
      </c>
      <c r="AJ38" s="177" t="str">
        <f>IF(AJ37="","",VLOOKUP(AJ37,'シフト記号表（勤務時間帯）'!$C$6:$K$35,9,FALSE))</f>
        <v/>
      </c>
      <c r="AK38" s="177" t="str">
        <f>IF(AK37="","",VLOOKUP(AK37,'シフト記号表（勤務時間帯）'!$C$6:$K$35,9,FALSE))</f>
        <v/>
      </c>
      <c r="AL38" s="177" t="str">
        <f>IF(AL37="","",VLOOKUP(AL37,'シフト記号表（勤務時間帯）'!$C$6:$K$35,9,FALSE))</f>
        <v/>
      </c>
      <c r="AM38" s="178" t="str">
        <f>IF(AM37="","",VLOOKUP(AM37,'シフト記号表（勤務時間帯）'!$C$6:$K$35,9,FALSE))</f>
        <v/>
      </c>
      <c r="AN38" s="176" t="str">
        <f>IF(AN37="","",VLOOKUP(AN37,'シフト記号表（勤務時間帯）'!$C$6:$K$35,9,FALSE))</f>
        <v/>
      </c>
      <c r="AO38" s="177" t="str">
        <f>IF(AO37="","",VLOOKUP(AO37,'シフト記号表（勤務時間帯）'!$C$6:$K$35,9,FALSE))</f>
        <v/>
      </c>
      <c r="AP38" s="177" t="str">
        <f>IF(AP37="","",VLOOKUP(AP37,'シフト記号表（勤務時間帯）'!$C$6:$K$35,9,FALSE))</f>
        <v/>
      </c>
      <c r="AQ38" s="177" t="str">
        <f>IF(AQ37="","",VLOOKUP(AQ37,'シフト記号表（勤務時間帯）'!$C$6:$K$35,9,FALSE))</f>
        <v/>
      </c>
      <c r="AR38" s="177" t="str">
        <f>IF(AR37="","",VLOOKUP(AR37,'シフト記号表（勤務時間帯）'!$C$6:$K$35,9,FALSE))</f>
        <v/>
      </c>
      <c r="AS38" s="177" t="str">
        <f>IF(AS37="","",VLOOKUP(AS37,'シフト記号表（勤務時間帯）'!$C$6:$K$35,9,FALSE))</f>
        <v/>
      </c>
      <c r="AT38" s="178" t="str">
        <f>IF(AT37="","",VLOOKUP(AT37,'シフト記号表（勤務時間帯）'!$C$6:$K$35,9,FALSE))</f>
        <v/>
      </c>
      <c r="AU38" s="176" t="str">
        <f>IF(AU37="","",VLOOKUP(AU37,'シフト記号表（勤務時間帯）'!$C$6:$K$35,9,FALSE))</f>
        <v/>
      </c>
      <c r="AV38" s="177" t="str">
        <f>IF(AV37="","",VLOOKUP(AV37,'シフト記号表（勤務時間帯）'!$C$6:$K$35,9,FALSE))</f>
        <v/>
      </c>
      <c r="AW38" s="177" t="str">
        <f>IF(AW37="","",VLOOKUP(AW37,'シフト記号表（勤務時間帯）'!$C$6:$K$35,9,FALSE))</f>
        <v/>
      </c>
      <c r="AX38" s="552">
        <f>IF($BB$3="４週",SUM(S38:AT38),IF($BB$3="暦月",SUM(S38:AW38),""))</f>
        <v>0</v>
      </c>
      <c r="AY38" s="553"/>
      <c r="AZ38" s="554">
        <f>IF($BB$3="４週",AX38/4,IF($BB$3="暦月",通所型サービス!AX38/(通所型サービス!$BB$8/7),""))</f>
        <v>0</v>
      </c>
      <c r="BA38" s="555"/>
      <c r="BB38" s="543"/>
      <c r="BC38" s="544"/>
      <c r="BD38" s="544"/>
      <c r="BE38" s="544"/>
      <c r="BF38" s="545"/>
    </row>
    <row r="39" spans="2:58" ht="20.25" customHeight="1" x14ac:dyDescent="0.4">
      <c r="B39" s="483"/>
      <c r="C39" s="569"/>
      <c r="D39" s="570"/>
      <c r="E39" s="571"/>
      <c r="F39" s="175">
        <f>C37</f>
        <v>0</v>
      </c>
      <c r="G39" s="573"/>
      <c r="H39" s="497"/>
      <c r="I39" s="498"/>
      <c r="J39" s="498"/>
      <c r="K39" s="499"/>
      <c r="L39" s="577"/>
      <c r="M39" s="578"/>
      <c r="N39" s="578"/>
      <c r="O39" s="579"/>
      <c r="P39" s="556" t="s">
        <v>196</v>
      </c>
      <c r="Q39" s="557"/>
      <c r="R39" s="558"/>
      <c r="S39" s="180" t="str">
        <f>IF(S37="","",VLOOKUP(S37,'シフト記号表（勤務時間帯）'!$C$6:$U$35,19,FALSE))</f>
        <v/>
      </c>
      <c r="T39" s="181" t="str">
        <f>IF(T37="","",VLOOKUP(T37,'シフト記号表（勤務時間帯）'!$C$6:$U$35,19,FALSE))</f>
        <v/>
      </c>
      <c r="U39" s="181" t="str">
        <f>IF(U37="","",VLOOKUP(U37,'シフト記号表（勤務時間帯）'!$C$6:$U$35,19,FALSE))</f>
        <v/>
      </c>
      <c r="V39" s="181" t="str">
        <f>IF(V37="","",VLOOKUP(V37,'シフト記号表（勤務時間帯）'!$C$6:$U$35,19,FALSE))</f>
        <v/>
      </c>
      <c r="W39" s="181" t="str">
        <f>IF(W37="","",VLOOKUP(W37,'シフト記号表（勤務時間帯）'!$C$6:$U$35,19,FALSE))</f>
        <v/>
      </c>
      <c r="X39" s="181" t="str">
        <f>IF(X37="","",VLOOKUP(X37,'シフト記号表（勤務時間帯）'!$C$6:$U$35,19,FALSE))</f>
        <v/>
      </c>
      <c r="Y39" s="182" t="str">
        <f>IF(Y37="","",VLOOKUP(Y37,'シフト記号表（勤務時間帯）'!$C$6:$U$35,19,FALSE))</f>
        <v/>
      </c>
      <c r="Z39" s="180" t="str">
        <f>IF(Z37="","",VLOOKUP(Z37,'シフト記号表（勤務時間帯）'!$C$6:$U$35,19,FALSE))</f>
        <v/>
      </c>
      <c r="AA39" s="181" t="str">
        <f>IF(AA37="","",VLOOKUP(AA37,'シフト記号表（勤務時間帯）'!$C$6:$U$35,19,FALSE))</f>
        <v/>
      </c>
      <c r="AB39" s="181" t="str">
        <f>IF(AB37="","",VLOOKUP(AB37,'シフト記号表（勤務時間帯）'!$C$6:$U$35,19,FALSE))</f>
        <v/>
      </c>
      <c r="AC39" s="181" t="str">
        <f>IF(AC37="","",VLOOKUP(AC37,'シフト記号表（勤務時間帯）'!$C$6:$U$35,19,FALSE))</f>
        <v/>
      </c>
      <c r="AD39" s="181" t="str">
        <f>IF(AD37="","",VLOOKUP(AD37,'シフト記号表（勤務時間帯）'!$C$6:$U$35,19,FALSE))</f>
        <v/>
      </c>
      <c r="AE39" s="181" t="str">
        <f>IF(AE37="","",VLOOKUP(AE37,'シフト記号表（勤務時間帯）'!$C$6:$U$35,19,FALSE))</f>
        <v/>
      </c>
      <c r="AF39" s="182" t="str">
        <f>IF(AF37="","",VLOOKUP(AF37,'シフト記号表（勤務時間帯）'!$C$6:$U$35,19,FALSE))</f>
        <v/>
      </c>
      <c r="AG39" s="180" t="str">
        <f>IF(AG37="","",VLOOKUP(AG37,'シフト記号表（勤務時間帯）'!$C$6:$U$35,19,FALSE))</f>
        <v/>
      </c>
      <c r="AH39" s="181" t="str">
        <f>IF(AH37="","",VLOOKUP(AH37,'シフト記号表（勤務時間帯）'!$C$6:$U$35,19,FALSE))</f>
        <v/>
      </c>
      <c r="AI39" s="181" t="str">
        <f>IF(AI37="","",VLOOKUP(AI37,'シフト記号表（勤務時間帯）'!$C$6:$U$35,19,FALSE))</f>
        <v/>
      </c>
      <c r="AJ39" s="181" t="str">
        <f>IF(AJ37="","",VLOOKUP(AJ37,'シフト記号表（勤務時間帯）'!$C$6:$U$35,19,FALSE))</f>
        <v/>
      </c>
      <c r="AK39" s="181" t="str">
        <f>IF(AK37="","",VLOOKUP(AK37,'シフト記号表（勤務時間帯）'!$C$6:$U$35,19,FALSE))</f>
        <v/>
      </c>
      <c r="AL39" s="181" t="str">
        <f>IF(AL37="","",VLOOKUP(AL37,'シフト記号表（勤務時間帯）'!$C$6:$U$35,19,FALSE))</f>
        <v/>
      </c>
      <c r="AM39" s="182" t="str">
        <f>IF(AM37="","",VLOOKUP(AM37,'シフト記号表（勤務時間帯）'!$C$6:$U$35,19,FALSE))</f>
        <v/>
      </c>
      <c r="AN39" s="180" t="str">
        <f>IF(AN37="","",VLOOKUP(AN37,'シフト記号表（勤務時間帯）'!$C$6:$U$35,19,FALSE))</f>
        <v/>
      </c>
      <c r="AO39" s="181" t="str">
        <f>IF(AO37="","",VLOOKUP(AO37,'シフト記号表（勤務時間帯）'!$C$6:$U$35,19,FALSE))</f>
        <v/>
      </c>
      <c r="AP39" s="181" t="str">
        <f>IF(AP37="","",VLOOKUP(AP37,'シフト記号表（勤務時間帯）'!$C$6:$U$35,19,FALSE))</f>
        <v/>
      </c>
      <c r="AQ39" s="181" t="str">
        <f>IF(AQ37="","",VLOOKUP(AQ37,'シフト記号表（勤務時間帯）'!$C$6:$U$35,19,FALSE))</f>
        <v/>
      </c>
      <c r="AR39" s="181" t="str">
        <f>IF(AR37="","",VLOOKUP(AR37,'シフト記号表（勤務時間帯）'!$C$6:$U$35,19,FALSE))</f>
        <v/>
      </c>
      <c r="AS39" s="181" t="str">
        <f>IF(AS37="","",VLOOKUP(AS37,'シフト記号表（勤務時間帯）'!$C$6:$U$35,19,FALSE))</f>
        <v/>
      </c>
      <c r="AT39" s="182" t="str">
        <f>IF(AT37="","",VLOOKUP(AT37,'シフト記号表（勤務時間帯）'!$C$6:$U$35,19,FALSE))</f>
        <v/>
      </c>
      <c r="AU39" s="180" t="str">
        <f>IF(AU37="","",VLOOKUP(AU37,'シフト記号表（勤務時間帯）'!$C$6:$U$35,19,FALSE))</f>
        <v/>
      </c>
      <c r="AV39" s="181" t="str">
        <f>IF(AV37="","",VLOOKUP(AV37,'シフト記号表（勤務時間帯）'!$C$6:$U$35,19,FALSE))</f>
        <v/>
      </c>
      <c r="AW39" s="181" t="str">
        <f>IF(AW37="","",VLOOKUP(AW37,'シフト記号表（勤務時間帯）'!$C$6:$U$35,19,FALSE))</f>
        <v/>
      </c>
      <c r="AX39" s="559">
        <f>IF($BB$3="４週",SUM(S39:AT39),IF($BB$3="暦月",SUM(S39:AW39),""))</f>
        <v>0</v>
      </c>
      <c r="AY39" s="560"/>
      <c r="AZ39" s="561">
        <f>IF($BB$3="４週",AX39/4,IF($BB$3="暦月",通所型サービス!AX39/(通所型サービス!$BB$8/7),""))</f>
        <v>0</v>
      </c>
      <c r="BA39" s="562"/>
      <c r="BB39" s="546"/>
      <c r="BC39" s="547"/>
      <c r="BD39" s="547"/>
      <c r="BE39" s="547"/>
      <c r="BF39" s="548"/>
    </row>
    <row r="40" spans="2:58" ht="20.25" customHeight="1" x14ac:dyDescent="0.4">
      <c r="B40" s="483">
        <f>B37+1</f>
        <v>7</v>
      </c>
      <c r="C40" s="563"/>
      <c r="D40" s="564"/>
      <c r="E40" s="565"/>
      <c r="F40" s="183"/>
      <c r="G40" s="572"/>
      <c r="H40" s="330"/>
      <c r="I40" s="498"/>
      <c r="J40" s="498"/>
      <c r="K40" s="499"/>
      <c r="L40" s="574"/>
      <c r="M40" s="575"/>
      <c r="N40" s="575"/>
      <c r="O40" s="576"/>
      <c r="P40" s="580" t="s">
        <v>194</v>
      </c>
      <c r="Q40" s="581"/>
      <c r="R40" s="582"/>
      <c r="S40" s="172"/>
      <c r="T40" s="173"/>
      <c r="U40" s="173"/>
      <c r="V40" s="173"/>
      <c r="W40" s="173"/>
      <c r="X40" s="173"/>
      <c r="Y40" s="174"/>
      <c r="Z40" s="172"/>
      <c r="AA40" s="173"/>
      <c r="AB40" s="173"/>
      <c r="AC40" s="173"/>
      <c r="AD40" s="173"/>
      <c r="AE40" s="173"/>
      <c r="AF40" s="174"/>
      <c r="AG40" s="172"/>
      <c r="AH40" s="173"/>
      <c r="AI40" s="173"/>
      <c r="AJ40" s="173"/>
      <c r="AK40" s="173"/>
      <c r="AL40" s="173"/>
      <c r="AM40" s="174"/>
      <c r="AN40" s="172"/>
      <c r="AO40" s="173"/>
      <c r="AP40" s="173"/>
      <c r="AQ40" s="173"/>
      <c r="AR40" s="173"/>
      <c r="AS40" s="173"/>
      <c r="AT40" s="174"/>
      <c r="AU40" s="172"/>
      <c r="AV40" s="173"/>
      <c r="AW40" s="173"/>
      <c r="AX40" s="583"/>
      <c r="AY40" s="584"/>
      <c r="AZ40" s="585"/>
      <c r="BA40" s="586"/>
      <c r="BB40" s="587"/>
      <c r="BC40" s="588"/>
      <c r="BD40" s="588"/>
      <c r="BE40" s="588"/>
      <c r="BF40" s="589"/>
    </row>
    <row r="41" spans="2:58" ht="20.25" customHeight="1" x14ac:dyDescent="0.4">
      <c r="B41" s="483"/>
      <c r="C41" s="566"/>
      <c r="D41" s="567"/>
      <c r="E41" s="568"/>
      <c r="F41" s="175"/>
      <c r="G41" s="494"/>
      <c r="H41" s="497"/>
      <c r="I41" s="498"/>
      <c r="J41" s="498"/>
      <c r="K41" s="499"/>
      <c r="L41" s="503"/>
      <c r="M41" s="504"/>
      <c r="N41" s="504"/>
      <c r="O41" s="505"/>
      <c r="P41" s="549" t="s">
        <v>195</v>
      </c>
      <c r="Q41" s="550"/>
      <c r="R41" s="551"/>
      <c r="S41" s="176" t="str">
        <f>IF(S40="","",VLOOKUP(S40,'シフト記号表（勤務時間帯）'!$C$6:$K$35,9,FALSE))</f>
        <v/>
      </c>
      <c r="T41" s="177" t="str">
        <f>IF(T40="","",VLOOKUP(T40,'シフト記号表（勤務時間帯）'!$C$6:$K$35,9,FALSE))</f>
        <v/>
      </c>
      <c r="U41" s="177" t="str">
        <f>IF(U40="","",VLOOKUP(U40,'シフト記号表（勤務時間帯）'!$C$6:$K$35,9,FALSE))</f>
        <v/>
      </c>
      <c r="V41" s="177" t="str">
        <f>IF(V40="","",VLOOKUP(V40,'シフト記号表（勤務時間帯）'!$C$6:$K$35,9,FALSE))</f>
        <v/>
      </c>
      <c r="W41" s="177" t="str">
        <f>IF(W40="","",VLOOKUP(W40,'シフト記号表（勤務時間帯）'!$C$6:$K$35,9,FALSE))</f>
        <v/>
      </c>
      <c r="X41" s="177" t="str">
        <f>IF(X40="","",VLOOKUP(X40,'シフト記号表（勤務時間帯）'!$C$6:$K$35,9,FALSE))</f>
        <v/>
      </c>
      <c r="Y41" s="178" t="str">
        <f>IF(Y40="","",VLOOKUP(Y40,'シフト記号表（勤務時間帯）'!$C$6:$K$35,9,FALSE))</f>
        <v/>
      </c>
      <c r="Z41" s="176" t="str">
        <f>IF(Z40="","",VLOOKUP(Z40,'シフト記号表（勤務時間帯）'!$C$6:$K$35,9,FALSE))</f>
        <v/>
      </c>
      <c r="AA41" s="177" t="str">
        <f>IF(AA40="","",VLOOKUP(AA40,'シフト記号表（勤務時間帯）'!$C$6:$K$35,9,FALSE))</f>
        <v/>
      </c>
      <c r="AB41" s="177" t="str">
        <f>IF(AB40="","",VLOOKUP(AB40,'シフト記号表（勤務時間帯）'!$C$6:$K$35,9,FALSE))</f>
        <v/>
      </c>
      <c r="AC41" s="177" t="str">
        <f>IF(AC40="","",VLOOKUP(AC40,'シフト記号表（勤務時間帯）'!$C$6:$K$35,9,FALSE))</f>
        <v/>
      </c>
      <c r="AD41" s="177" t="str">
        <f>IF(AD40="","",VLOOKUP(AD40,'シフト記号表（勤務時間帯）'!$C$6:$K$35,9,FALSE))</f>
        <v/>
      </c>
      <c r="AE41" s="177" t="str">
        <f>IF(AE40="","",VLOOKUP(AE40,'シフト記号表（勤務時間帯）'!$C$6:$K$35,9,FALSE))</f>
        <v/>
      </c>
      <c r="AF41" s="178" t="str">
        <f>IF(AF40="","",VLOOKUP(AF40,'シフト記号表（勤務時間帯）'!$C$6:$K$35,9,FALSE))</f>
        <v/>
      </c>
      <c r="AG41" s="176" t="str">
        <f>IF(AG40="","",VLOOKUP(AG40,'シフト記号表（勤務時間帯）'!$C$6:$K$35,9,FALSE))</f>
        <v/>
      </c>
      <c r="AH41" s="177" t="str">
        <f>IF(AH40="","",VLOOKUP(AH40,'シフト記号表（勤務時間帯）'!$C$6:$K$35,9,FALSE))</f>
        <v/>
      </c>
      <c r="AI41" s="177" t="str">
        <f>IF(AI40="","",VLOOKUP(AI40,'シフト記号表（勤務時間帯）'!$C$6:$K$35,9,FALSE))</f>
        <v/>
      </c>
      <c r="AJ41" s="177" t="str">
        <f>IF(AJ40="","",VLOOKUP(AJ40,'シフト記号表（勤務時間帯）'!$C$6:$K$35,9,FALSE))</f>
        <v/>
      </c>
      <c r="AK41" s="177" t="str">
        <f>IF(AK40="","",VLOOKUP(AK40,'シフト記号表（勤務時間帯）'!$C$6:$K$35,9,FALSE))</f>
        <v/>
      </c>
      <c r="AL41" s="177" t="str">
        <f>IF(AL40="","",VLOOKUP(AL40,'シフト記号表（勤務時間帯）'!$C$6:$K$35,9,FALSE))</f>
        <v/>
      </c>
      <c r="AM41" s="178" t="str">
        <f>IF(AM40="","",VLOOKUP(AM40,'シフト記号表（勤務時間帯）'!$C$6:$K$35,9,FALSE))</f>
        <v/>
      </c>
      <c r="AN41" s="176" t="str">
        <f>IF(AN40="","",VLOOKUP(AN40,'シフト記号表（勤務時間帯）'!$C$6:$K$35,9,FALSE))</f>
        <v/>
      </c>
      <c r="AO41" s="177" t="str">
        <f>IF(AO40="","",VLOOKUP(AO40,'シフト記号表（勤務時間帯）'!$C$6:$K$35,9,FALSE))</f>
        <v/>
      </c>
      <c r="AP41" s="177" t="str">
        <f>IF(AP40="","",VLOOKUP(AP40,'シフト記号表（勤務時間帯）'!$C$6:$K$35,9,FALSE))</f>
        <v/>
      </c>
      <c r="AQ41" s="177" t="str">
        <f>IF(AQ40="","",VLOOKUP(AQ40,'シフト記号表（勤務時間帯）'!$C$6:$K$35,9,FALSE))</f>
        <v/>
      </c>
      <c r="AR41" s="177" t="str">
        <f>IF(AR40="","",VLOOKUP(AR40,'シフト記号表（勤務時間帯）'!$C$6:$K$35,9,FALSE))</f>
        <v/>
      </c>
      <c r="AS41" s="177" t="str">
        <f>IF(AS40="","",VLOOKUP(AS40,'シフト記号表（勤務時間帯）'!$C$6:$K$35,9,FALSE))</f>
        <v/>
      </c>
      <c r="AT41" s="178" t="str">
        <f>IF(AT40="","",VLOOKUP(AT40,'シフト記号表（勤務時間帯）'!$C$6:$K$35,9,FALSE))</f>
        <v/>
      </c>
      <c r="AU41" s="176" t="str">
        <f>IF(AU40="","",VLOOKUP(AU40,'シフト記号表（勤務時間帯）'!$C$6:$K$35,9,FALSE))</f>
        <v/>
      </c>
      <c r="AV41" s="177" t="str">
        <f>IF(AV40="","",VLOOKUP(AV40,'シフト記号表（勤務時間帯）'!$C$6:$K$35,9,FALSE))</f>
        <v/>
      </c>
      <c r="AW41" s="177" t="str">
        <f>IF(AW40="","",VLOOKUP(AW40,'シフト記号表（勤務時間帯）'!$C$6:$K$35,9,FALSE))</f>
        <v/>
      </c>
      <c r="AX41" s="552">
        <f>IF($BB$3="４週",SUM(S41:AT41),IF($BB$3="暦月",SUM(S41:AW41),""))</f>
        <v>0</v>
      </c>
      <c r="AY41" s="553"/>
      <c r="AZ41" s="554">
        <f>IF($BB$3="４週",AX41/4,IF($BB$3="暦月",通所型サービス!AX41/(通所型サービス!$BB$8/7),""))</f>
        <v>0</v>
      </c>
      <c r="BA41" s="555"/>
      <c r="BB41" s="543"/>
      <c r="BC41" s="544"/>
      <c r="BD41" s="544"/>
      <c r="BE41" s="544"/>
      <c r="BF41" s="545"/>
    </row>
    <row r="42" spans="2:58" ht="20.25" customHeight="1" x14ac:dyDescent="0.4">
      <c r="B42" s="483"/>
      <c r="C42" s="569"/>
      <c r="D42" s="570"/>
      <c r="E42" s="571"/>
      <c r="F42" s="175">
        <f>C40</f>
        <v>0</v>
      </c>
      <c r="G42" s="573"/>
      <c r="H42" s="497"/>
      <c r="I42" s="498"/>
      <c r="J42" s="498"/>
      <c r="K42" s="499"/>
      <c r="L42" s="577"/>
      <c r="M42" s="578"/>
      <c r="N42" s="578"/>
      <c r="O42" s="579"/>
      <c r="P42" s="556" t="s">
        <v>196</v>
      </c>
      <c r="Q42" s="557"/>
      <c r="R42" s="558"/>
      <c r="S42" s="180" t="str">
        <f>IF(S40="","",VLOOKUP(S40,'シフト記号表（勤務時間帯）'!$C$6:$U$35,19,FALSE))</f>
        <v/>
      </c>
      <c r="T42" s="181" t="str">
        <f>IF(T40="","",VLOOKUP(T40,'シフト記号表（勤務時間帯）'!$C$6:$U$35,19,FALSE))</f>
        <v/>
      </c>
      <c r="U42" s="181" t="str">
        <f>IF(U40="","",VLOOKUP(U40,'シフト記号表（勤務時間帯）'!$C$6:$U$35,19,FALSE))</f>
        <v/>
      </c>
      <c r="V42" s="181" t="str">
        <f>IF(V40="","",VLOOKUP(V40,'シフト記号表（勤務時間帯）'!$C$6:$U$35,19,FALSE))</f>
        <v/>
      </c>
      <c r="W42" s="181" t="str">
        <f>IF(W40="","",VLOOKUP(W40,'シフト記号表（勤務時間帯）'!$C$6:$U$35,19,FALSE))</f>
        <v/>
      </c>
      <c r="X42" s="181" t="str">
        <f>IF(X40="","",VLOOKUP(X40,'シフト記号表（勤務時間帯）'!$C$6:$U$35,19,FALSE))</f>
        <v/>
      </c>
      <c r="Y42" s="182" t="str">
        <f>IF(Y40="","",VLOOKUP(Y40,'シフト記号表（勤務時間帯）'!$C$6:$U$35,19,FALSE))</f>
        <v/>
      </c>
      <c r="Z42" s="180" t="str">
        <f>IF(Z40="","",VLOOKUP(Z40,'シフト記号表（勤務時間帯）'!$C$6:$U$35,19,FALSE))</f>
        <v/>
      </c>
      <c r="AA42" s="181" t="str">
        <f>IF(AA40="","",VLOOKUP(AA40,'シフト記号表（勤務時間帯）'!$C$6:$U$35,19,FALSE))</f>
        <v/>
      </c>
      <c r="AB42" s="181" t="str">
        <f>IF(AB40="","",VLOOKUP(AB40,'シフト記号表（勤務時間帯）'!$C$6:$U$35,19,FALSE))</f>
        <v/>
      </c>
      <c r="AC42" s="181" t="str">
        <f>IF(AC40="","",VLOOKUP(AC40,'シフト記号表（勤務時間帯）'!$C$6:$U$35,19,FALSE))</f>
        <v/>
      </c>
      <c r="AD42" s="181" t="str">
        <f>IF(AD40="","",VLOOKUP(AD40,'シフト記号表（勤務時間帯）'!$C$6:$U$35,19,FALSE))</f>
        <v/>
      </c>
      <c r="AE42" s="181" t="str">
        <f>IF(AE40="","",VLOOKUP(AE40,'シフト記号表（勤務時間帯）'!$C$6:$U$35,19,FALSE))</f>
        <v/>
      </c>
      <c r="AF42" s="182" t="str">
        <f>IF(AF40="","",VLOOKUP(AF40,'シフト記号表（勤務時間帯）'!$C$6:$U$35,19,FALSE))</f>
        <v/>
      </c>
      <c r="AG42" s="180" t="str">
        <f>IF(AG40="","",VLOOKUP(AG40,'シフト記号表（勤務時間帯）'!$C$6:$U$35,19,FALSE))</f>
        <v/>
      </c>
      <c r="AH42" s="181" t="str">
        <f>IF(AH40="","",VLOOKUP(AH40,'シフト記号表（勤務時間帯）'!$C$6:$U$35,19,FALSE))</f>
        <v/>
      </c>
      <c r="AI42" s="181" t="str">
        <f>IF(AI40="","",VLOOKUP(AI40,'シフト記号表（勤務時間帯）'!$C$6:$U$35,19,FALSE))</f>
        <v/>
      </c>
      <c r="AJ42" s="181" t="str">
        <f>IF(AJ40="","",VLOOKUP(AJ40,'シフト記号表（勤務時間帯）'!$C$6:$U$35,19,FALSE))</f>
        <v/>
      </c>
      <c r="AK42" s="181" t="str">
        <f>IF(AK40="","",VLOOKUP(AK40,'シフト記号表（勤務時間帯）'!$C$6:$U$35,19,FALSE))</f>
        <v/>
      </c>
      <c r="AL42" s="181" t="str">
        <f>IF(AL40="","",VLOOKUP(AL40,'シフト記号表（勤務時間帯）'!$C$6:$U$35,19,FALSE))</f>
        <v/>
      </c>
      <c r="AM42" s="182" t="str">
        <f>IF(AM40="","",VLOOKUP(AM40,'シフト記号表（勤務時間帯）'!$C$6:$U$35,19,FALSE))</f>
        <v/>
      </c>
      <c r="AN42" s="180" t="str">
        <f>IF(AN40="","",VLOOKUP(AN40,'シフト記号表（勤務時間帯）'!$C$6:$U$35,19,FALSE))</f>
        <v/>
      </c>
      <c r="AO42" s="181" t="str">
        <f>IF(AO40="","",VLOOKUP(AO40,'シフト記号表（勤務時間帯）'!$C$6:$U$35,19,FALSE))</f>
        <v/>
      </c>
      <c r="AP42" s="181" t="str">
        <f>IF(AP40="","",VLOOKUP(AP40,'シフト記号表（勤務時間帯）'!$C$6:$U$35,19,FALSE))</f>
        <v/>
      </c>
      <c r="AQ42" s="181" t="str">
        <f>IF(AQ40="","",VLOOKUP(AQ40,'シフト記号表（勤務時間帯）'!$C$6:$U$35,19,FALSE))</f>
        <v/>
      </c>
      <c r="AR42" s="181" t="str">
        <f>IF(AR40="","",VLOOKUP(AR40,'シフト記号表（勤務時間帯）'!$C$6:$U$35,19,FALSE))</f>
        <v/>
      </c>
      <c r="AS42" s="181" t="str">
        <f>IF(AS40="","",VLOOKUP(AS40,'シフト記号表（勤務時間帯）'!$C$6:$U$35,19,FALSE))</f>
        <v/>
      </c>
      <c r="AT42" s="182" t="str">
        <f>IF(AT40="","",VLOOKUP(AT40,'シフト記号表（勤務時間帯）'!$C$6:$U$35,19,FALSE))</f>
        <v/>
      </c>
      <c r="AU42" s="180" t="str">
        <f>IF(AU40="","",VLOOKUP(AU40,'シフト記号表（勤務時間帯）'!$C$6:$U$35,19,FALSE))</f>
        <v/>
      </c>
      <c r="AV42" s="181" t="str">
        <f>IF(AV40="","",VLOOKUP(AV40,'シフト記号表（勤務時間帯）'!$C$6:$U$35,19,FALSE))</f>
        <v/>
      </c>
      <c r="AW42" s="181" t="str">
        <f>IF(AW40="","",VLOOKUP(AW40,'シフト記号表（勤務時間帯）'!$C$6:$U$35,19,FALSE))</f>
        <v/>
      </c>
      <c r="AX42" s="559">
        <f>IF($BB$3="４週",SUM(S42:AT42),IF($BB$3="暦月",SUM(S42:AW42),""))</f>
        <v>0</v>
      </c>
      <c r="AY42" s="560"/>
      <c r="AZ42" s="561">
        <f>IF($BB$3="４週",AX42/4,IF($BB$3="暦月",通所型サービス!AX42/(通所型サービス!$BB$8/7),""))</f>
        <v>0</v>
      </c>
      <c r="BA42" s="562"/>
      <c r="BB42" s="546"/>
      <c r="BC42" s="547"/>
      <c r="BD42" s="547"/>
      <c r="BE42" s="547"/>
      <c r="BF42" s="548"/>
    </row>
    <row r="43" spans="2:58" ht="20.25" customHeight="1" x14ac:dyDescent="0.4">
      <c r="B43" s="483">
        <f>B40+1</f>
        <v>8</v>
      </c>
      <c r="C43" s="563"/>
      <c r="D43" s="564"/>
      <c r="E43" s="565"/>
      <c r="F43" s="183"/>
      <c r="G43" s="572"/>
      <c r="H43" s="330"/>
      <c r="I43" s="498"/>
      <c r="J43" s="498"/>
      <c r="K43" s="499"/>
      <c r="L43" s="574"/>
      <c r="M43" s="575"/>
      <c r="N43" s="575"/>
      <c r="O43" s="576"/>
      <c r="P43" s="580" t="s">
        <v>194</v>
      </c>
      <c r="Q43" s="581"/>
      <c r="R43" s="582"/>
      <c r="S43" s="172"/>
      <c r="T43" s="173"/>
      <c r="U43" s="173"/>
      <c r="V43" s="173"/>
      <c r="W43" s="173"/>
      <c r="X43" s="173"/>
      <c r="Y43" s="174"/>
      <c r="Z43" s="172"/>
      <c r="AA43" s="173"/>
      <c r="AB43" s="173"/>
      <c r="AC43" s="173"/>
      <c r="AD43" s="173"/>
      <c r="AE43" s="173"/>
      <c r="AF43" s="174"/>
      <c r="AG43" s="172"/>
      <c r="AH43" s="173"/>
      <c r="AI43" s="173"/>
      <c r="AJ43" s="173"/>
      <c r="AK43" s="173"/>
      <c r="AL43" s="173"/>
      <c r="AM43" s="174"/>
      <c r="AN43" s="172"/>
      <c r="AO43" s="173"/>
      <c r="AP43" s="173"/>
      <c r="AQ43" s="173"/>
      <c r="AR43" s="173"/>
      <c r="AS43" s="173"/>
      <c r="AT43" s="174"/>
      <c r="AU43" s="172"/>
      <c r="AV43" s="173"/>
      <c r="AW43" s="173"/>
      <c r="AX43" s="583"/>
      <c r="AY43" s="584"/>
      <c r="AZ43" s="585"/>
      <c r="BA43" s="586"/>
      <c r="BB43" s="587"/>
      <c r="BC43" s="588"/>
      <c r="BD43" s="588"/>
      <c r="BE43" s="588"/>
      <c r="BF43" s="589"/>
    </row>
    <row r="44" spans="2:58" ht="20.25" customHeight="1" x14ac:dyDescent="0.4">
      <c r="B44" s="483"/>
      <c r="C44" s="566"/>
      <c r="D44" s="567"/>
      <c r="E44" s="568"/>
      <c r="F44" s="175"/>
      <c r="G44" s="494"/>
      <c r="H44" s="497"/>
      <c r="I44" s="498"/>
      <c r="J44" s="498"/>
      <c r="K44" s="499"/>
      <c r="L44" s="503"/>
      <c r="M44" s="504"/>
      <c r="N44" s="504"/>
      <c r="O44" s="505"/>
      <c r="P44" s="549" t="s">
        <v>195</v>
      </c>
      <c r="Q44" s="550"/>
      <c r="R44" s="551"/>
      <c r="S44" s="176" t="str">
        <f>IF(S43="","",VLOOKUP(S43,'シフト記号表（勤務時間帯）'!$C$6:$K$35,9,FALSE))</f>
        <v/>
      </c>
      <c r="T44" s="177" t="str">
        <f>IF(T43="","",VLOOKUP(T43,'シフト記号表（勤務時間帯）'!$C$6:$K$35,9,FALSE))</f>
        <v/>
      </c>
      <c r="U44" s="177" t="str">
        <f>IF(U43="","",VLOOKUP(U43,'シフト記号表（勤務時間帯）'!$C$6:$K$35,9,FALSE))</f>
        <v/>
      </c>
      <c r="V44" s="177" t="str">
        <f>IF(V43="","",VLOOKUP(V43,'シフト記号表（勤務時間帯）'!$C$6:$K$35,9,FALSE))</f>
        <v/>
      </c>
      <c r="W44" s="177" t="str">
        <f>IF(W43="","",VLOOKUP(W43,'シフト記号表（勤務時間帯）'!$C$6:$K$35,9,FALSE))</f>
        <v/>
      </c>
      <c r="X44" s="177" t="str">
        <f>IF(X43="","",VLOOKUP(X43,'シフト記号表（勤務時間帯）'!$C$6:$K$35,9,FALSE))</f>
        <v/>
      </c>
      <c r="Y44" s="178" t="str">
        <f>IF(Y43="","",VLOOKUP(Y43,'シフト記号表（勤務時間帯）'!$C$6:$K$35,9,FALSE))</f>
        <v/>
      </c>
      <c r="Z44" s="176" t="str">
        <f>IF(Z43="","",VLOOKUP(Z43,'シフト記号表（勤務時間帯）'!$C$6:$K$35,9,FALSE))</f>
        <v/>
      </c>
      <c r="AA44" s="177" t="str">
        <f>IF(AA43="","",VLOOKUP(AA43,'シフト記号表（勤務時間帯）'!$C$6:$K$35,9,FALSE))</f>
        <v/>
      </c>
      <c r="AB44" s="177" t="str">
        <f>IF(AB43="","",VLOOKUP(AB43,'シフト記号表（勤務時間帯）'!$C$6:$K$35,9,FALSE))</f>
        <v/>
      </c>
      <c r="AC44" s="177" t="str">
        <f>IF(AC43="","",VLOOKUP(AC43,'シフト記号表（勤務時間帯）'!$C$6:$K$35,9,FALSE))</f>
        <v/>
      </c>
      <c r="AD44" s="177" t="str">
        <f>IF(AD43="","",VLOOKUP(AD43,'シフト記号表（勤務時間帯）'!$C$6:$K$35,9,FALSE))</f>
        <v/>
      </c>
      <c r="AE44" s="177" t="str">
        <f>IF(AE43="","",VLOOKUP(AE43,'シフト記号表（勤務時間帯）'!$C$6:$K$35,9,FALSE))</f>
        <v/>
      </c>
      <c r="AF44" s="178" t="str">
        <f>IF(AF43="","",VLOOKUP(AF43,'シフト記号表（勤務時間帯）'!$C$6:$K$35,9,FALSE))</f>
        <v/>
      </c>
      <c r="AG44" s="176" t="str">
        <f>IF(AG43="","",VLOOKUP(AG43,'シフト記号表（勤務時間帯）'!$C$6:$K$35,9,FALSE))</f>
        <v/>
      </c>
      <c r="AH44" s="177" t="str">
        <f>IF(AH43="","",VLOOKUP(AH43,'シフト記号表（勤務時間帯）'!$C$6:$K$35,9,FALSE))</f>
        <v/>
      </c>
      <c r="AI44" s="177" t="str">
        <f>IF(AI43="","",VLOOKUP(AI43,'シフト記号表（勤務時間帯）'!$C$6:$K$35,9,FALSE))</f>
        <v/>
      </c>
      <c r="AJ44" s="177" t="str">
        <f>IF(AJ43="","",VLOOKUP(AJ43,'シフト記号表（勤務時間帯）'!$C$6:$K$35,9,FALSE))</f>
        <v/>
      </c>
      <c r="AK44" s="177" t="str">
        <f>IF(AK43="","",VLOOKUP(AK43,'シフト記号表（勤務時間帯）'!$C$6:$K$35,9,FALSE))</f>
        <v/>
      </c>
      <c r="AL44" s="177" t="str">
        <f>IF(AL43="","",VLOOKUP(AL43,'シフト記号表（勤務時間帯）'!$C$6:$K$35,9,FALSE))</f>
        <v/>
      </c>
      <c r="AM44" s="178" t="str">
        <f>IF(AM43="","",VLOOKUP(AM43,'シフト記号表（勤務時間帯）'!$C$6:$K$35,9,FALSE))</f>
        <v/>
      </c>
      <c r="AN44" s="176" t="str">
        <f>IF(AN43="","",VLOOKUP(AN43,'シフト記号表（勤務時間帯）'!$C$6:$K$35,9,FALSE))</f>
        <v/>
      </c>
      <c r="AO44" s="177" t="str">
        <f>IF(AO43="","",VLOOKUP(AO43,'シフト記号表（勤務時間帯）'!$C$6:$K$35,9,FALSE))</f>
        <v/>
      </c>
      <c r="AP44" s="177" t="str">
        <f>IF(AP43="","",VLOOKUP(AP43,'シフト記号表（勤務時間帯）'!$C$6:$K$35,9,FALSE))</f>
        <v/>
      </c>
      <c r="AQ44" s="177" t="str">
        <f>IF(AQ43="","",VLOOKUP(AQ43,'シフト記号表（勤務時間帯）'!$C$6:$K$35,9,FALSE))</f>
        <v/>
      </c>
      <c r="AR44" s="177" t="str">
        <f>IF(AR43="","",VLOOKUP(AR43,'シフト記号表（勤務時間帯）'!$C$6:$K$35,9,FALSE))</f>
        <v/>
      </c>
      <c r="AS44" s="177" t="str">
        <f>IF(AS43="","",VLOOKUP(AS43,'シフト記号表（勤務時間帯）'!$C$6:$K$35,9,FALSE))</f>
        <v/>
      </c>
      <c r="AT44" s="178" t="str">
        <f>IF(AT43="","",VLOOKUP(AT43,'シフト記号表（勤務時間帯）'!$C$6:$K$35,9,FALSE))</f>
        <v/>
      </c>
      <c r="AU44" s="176" t="str">
        <f>IF(AU43="","",VLOOKUP(AU43,'シフト記号表（勤務時間帯）'!$C$6:$K$35,9,FALSE))</f>
        <v/>
      </c>
      <c r="AV44" s="177" t="str">
        <f>IF(AV43="","",VLOOKUP(AV43,'シフト記号表（勤務時間帯）'!$C$6:$K$35,9,FALSE))</f>
        <v/>
      </c>
      <c r="AW44" s="177" t="str">
        <f>IF(AW43="","",VLOOKUP(AW43,'シフト記号表（勤務時間帯）'!$C$6:$K$35,9,FALSE))</f>
        <v/>
      </c>
      <c r="AX44" s="552">
        <f>IF($BB$3="４週",SUM(S44:AT44),IF($BB$3="暦月",SUM(S44:AW44),""))</f>
        <v>0</v>
      </c>
      <c r="AY44" s="553"/>
      <c r="AZ44" s="554">
        <f>IF($BB$3="４週",AX44/4,IF($BB$3="暦月",通所型サービス!AX44/(通所型サービス!$BB$8/7),""))</f>
        <v>0</v>
      </c>
      <c r="BA44" s="555"/>
      <c r="BB44" s="543"/>
      <c r="BC44" s="544"/>
      <c r="BD44" s="544"/>
      <c r="BE44" s="544"/>
      <c r="BF44" s="545"/>
    </row>
    <row r="45" spans="2:58" ht="20.25" customHeight="1" x14ac:dyDescent="0.4">
      <c r="B45" s="483"/>
      <c r="C45" s="569"/>
      <c r="D45" s="570"/>
      <c r="E45" s="571"/>
      <c r="F45" s="175">
        <f>C43</f>
        <v>0</v>
      </c>
      <c r="G45" s="573"/>
      <c r="H45" s="497"/>
      <c r="I45" s="498"/>
      <c r="J45" s="498"/>
      <c r="K45" s="499"/>
      <c r="L45" s="577"/>
      <c r="M45" s="578"/>
      <c r="N45" s="578"/>
      <c r="O45" s="579"/>
      <c r="P45" s="556" t="s">
        <v>196</v>
      </c>
      <c r="Q45" s="557"/>
      <c r="R45" s="558"/>
      <c r="S45" s="180" t="str">
        <f>IF(S43="","",VLOOKUP(S43,'シフト記号表（勤務時間帯）'!$C$6:$U$35,19,FALSE))</f>
        <v/>
      </c>
      <c r="T45" s="181" t="str">
        <f>IF(T43="","",VLOOKUP(T43,'シフト記号表（勤務時間帯）'!$C$6:$U$35,19,FALSE))</f>
        <v/>
      </c>
      <c r="U45" s="181" t="str">
        <f>IF(U43="","",VLOOKUP(U43,'シフト記号表（勤務時間帯）'!$C$6:$U$35,19,FALSE))</f>
        <v/>
      </c>
      <c r="V45" s="181" t="str">
        <f>IF(V43="","",VLOOKUP(V43,'シフト記号表（勤務時間帯）'!$C$6:$U$35,19,FALSE))</f>
        <v/>
      </c>
      <c r="W45" s="181" t="str">
        <f>IF(W43="","",VLOOKUP(W43,'シフト記号表（勤務時間帯）'!$C$6:$U$35,19,FALSE))</f>
        <v/>
      </c>
      <c r="X45" s="181" t="str">
        <f>IF(X43="","",VLOOKUP(X43,'シフト記号表（勤務時間帯）'!$C$6:$U$35,19,FALSE))</f>
        <v/>
      </c>
      <c r="Y45" s="182" t="str">
        <f>IF(Y43="","",VLOOKUP(Y43,'シフト記号表（勤務時間帯）'!$C$6:$U$35,19,FALSE))</f>
        <v/>
      </c>
      <c r="Z45" s="180" t="str">
        <f>IF(Z43="","",VLOOKUP(Z43,'シフト記号表（勤務時間帯）'!$C$6:$U$35,19,FALSE))</f>
        <v/>
      </c>
      <c r="AA45" s="181" t="str">
        <f>IF(AA43="","",VLOOKUP(AA43,'シフト記号表（勤務時間帯）'!$C$6:$U$35,19,FALSE))</f>
        <v/>
      </c>
      <c r="AB45" s="181" t="str">
        <f>IF(AB43="","",VLOOKUP(AB43,'シフト記号表（勤務時間帯）'!$C$6:$U$35,19,FALSE))</f>
        <v/>
      </c>
      <c r="AC45" s="181" t="str">
        <f>IF(AC43="","",VLOOKUP(AC43,'シフト記号表（勤務時間帯）'!$C$6:$U$35,19,FALSE))</f>
        <v/>
      </c>
      <c r="AD45" s="181" t="str">
        <f>IF(AD43="","",VLOOKUP(AD43,'シフト記号表（勤務時間帯）'!$C$6:$U$35,19,FALSE))</f>
        <v/>
      </c>
      <c r="AE45" s="181" t="str">
        <f>IF(AE43="","",VLOOKUP(AE43,'シフト記号表（勤務時間帯）'!$C$6:$U$35,19,FALSE))</f>
        <v/>
      </c>
      <c r="AF45" s="182" t="str">
        <f>IF(AF43="","",VLOOKUP(AF43,'シフト記号表（勤務時間帯）'!$C$6:$U$35,19,FALSE))</f>
        <v/>
      </c>
      <c r="AG45" s="180" t="str">
        <f>IF(AG43="","",VLOOKUP(AG43,'シフト記号表（勤務時間帯）'!$C$6:$U$35,19,FALSE))</f>
        <v/>
      </c>
      <c r="AH45" s="181" t="str">
        <f>IF(AH43="","",VLOOKUP(AH43,'シフト記号表（勤務時間帯）'!$C$6:$U$35,19,FALSE))</f>
        <v/>
      </c>
      <c r="AI45" s="181" t="str">
        <f>IF(AI43="","",VLOOKUP(AI43,'シフト記号表（勤務時間帯）'!$C$6:$U$35,19,FALSE))</f>
        <v/>
      </c>
      <c r="AJ45" s="181" t="str">
        <f>IF(AJ43="","",VLOOKUP(AJ43,'シフト記号表（勤務時間帯）'!$C$6:$U$35,19,FALSE))</f>
        <v/>
      </c>
      <c r="AK45" s="181" t="str">
        <f>IF(AK43="","",VLOOKUP(AK43,'シフト記号表（勤務時間帯）'!$C$6:$U$35,19,FALSE))</f>
        <v/>
      </c>
      <c r="AL45" s="181" t="str">
        <f>IF(AL43="","",VLOOKUP(AL43,'シフト記号表（勤務時間帯）'!$C$6:$U$35,19,FALSE))</f>
        <v/>
      </c>
      <c r="AM45" s="182" t="str">
        <f>IF(AM43="","",VLOOKUP(AM43,'シフト記号表（勤務時間帯）'!$C$6:$U$35,19,FALSE))</f>
        <v/>
      </c>
      <c r="AN45" s="180" t="str">
        <f>IF(AN43="","",VLOOKUP(AN43,'シフト記号表（勤務時間帯）'!$C$6:$U$35,19,FALSE))</f>
        <v/>
      </c>
      <c r="AO45" s="181" t="str">
        <f>IF(AO43="","",VLOOKUP(AO43,'シフト記号表（勤務時間帯）'!$C$6:$U$35,19,FALSE))</f>
        <v/>
      </c>
      <c r="AP45" s="181" t="str">
        <f>IF(AP43="","",VLOOKUP(AP43,'シフト記号表（勤務時間帯）'!$C$6:$U$35,19,FALSE))</f>
        <v/>
      </c>
      <c r="AQ45" s="181" t="str">
        <f>IF(AQ43="","",VLOOKUP(AQ43,'シフト記号表（勤務時間帯）'!$C$6:$U$35,19,FALSE))</f>
        <v/>
      </c>
      <c r="AR45" s="181" t="str">
        <f>IF(AR43="","",VLOOKUP(AR43,'シフト記号表（勤務時間帯）'!$C$6:$U$35,19,FALSE))</f>
        <v/>
      </c>
      <c r="AS45" s="181" t="str">
        <f>IF(AS43="","",VLOOKUP(AS43,'シフト記号表（勤務時間帯）'!$C$6:$U$35,19,FALSE))</f>
        <v/>
      </c>
      <c r="AT45" s="182" t="str">
        <f>IF(AT43="","",VLOOKUP(AT43,'シフト記号表（勤務時間帯）'!$C$6:$U$35,19,FALSE))</f>
        <v/>
      </c>
      <c r="AU45" s="180" t="str">
        <f>IF(AU43="","",VLOOKUP(AU43,'シフト記号表（勤務時間帯）'!$C$6:$U$35,19,FALSE))</f>
        <v/>
      </c>
      <c r="AV45" s="181" t="str">
        <f>IF(AV43="","",VLOOKUP(AV43,'シフト記号表（勤務時間帯）'!$C$6:$U$35,19,FALSE))</f>
        <v/>
      </c>
      <c r="AW45" s="181" t="str">
        <f>IF(AW43="","",VLOOKUP(AW43,'シフト記号表（勤務時間帯）'!$C$6:$U$35,19,FALSE))</f>
        <v/>
      </c>
      <c r="AX45" s="559">
        <f>IF($BB$3="４週",SUM(S45:AT45),IF($BB$3="暦月",SUM(S45:AW45),""))</f>
        <v>0</v>
      </c>
      <c r="AY45" s="560"/>
      <c r="AZ45" s="561">
        <f>IF($BB$3="４週",AX45/4,IF($BB$3="暦月",通所型サービス!AX45/(通所型サービス!$BB$8/7),""))</f>
        <v>0</v>
      </c>
      <c r="BA45" s="562"/>
      <c r="BB45" s="546"/>
      <c r="BC45" s="547"/>
      <c r="BD45" s="547"/>
      <c r="BE45" s="547"/>
      <c r="BF45" s="548"/>
    </row>
    <row r="46" spans="2:58" ht="20.25" customHeight="1" x14ac:dyDescent="0.4">
      <c r="B46" s="483">
        <f>B43+1</f>
        <v>9</v>
      </c>
      <c r="C46" s="563"/>
      <c r="D46" s="564"/>
      <c r="E46" s="565"/>
      <c r="F46" s="183"/>
      <c r="G46" s="572"/>
      <c r="H46" s="330"/>
      <c r="I46" s="498"/>
      <c r="J46" s="498"/>
      <c r="K46" s="499"/>
      <c r="L46" s="574"/>
      <c r="M46" s="575"/>
      <c r="N46" s="575"/>
      <c r="O46" s="576"/>
      <c r="P46" s="580" t="s">
        <v>194</v>
      </c>
      <c r="Q46" s="581"/>
      <c r="R46" s="582"/>
      <c r="S46" s="172"/>
      <c r="T46" s="173"/>
      <c r="U46" s="173"/>
      <c r="V46" s="173"/>
      <c r="W46" s="173"/>
      <c r="X46" s="173"/>
      <c r="Y46" s="174"/>
      <c r="Z46" s="172"/>
      <c r="AA46" s="173"/>
      <c r="AB46" s="173"/>
      <c r="AC46" s="173"/>
      <c r="AD46" s="173"/>
      <c r="AE46" s="173"/>
      <c r="AF46" s="174"/>
      <c r="AG46" s="172"/>
      <c r="AH46" s="173"/>
      <c r="AI46" s="173"/>
      <c r="AJ46" s="173"/>
      <c r="AK46" s="173"/>
      <c r="AL46" s="173"/>
      <c r="AM46" s="174"/>
      <c r="AN46" s="172"/>
      <c r="AO46" s="173"/>
      <c r="AP46" s="173"/>
      <c r="AQ46" s="173"/>
      <c r="AR46" s="173"/>
      <c r="AS46" s="173"/>
      <c r="AT46" s="174"/>
      <c r="AU46" s="172"/>
      <c r="AV46" s="173"/>
      <c r="AW46" s="173"/>
      <c r="AX46" s="583"/>
      <c r="AY46" s="584"/>
      <c r="AZ46" s="585"/>
      <c r="BA46" s="586"/>
      <c r="BB46" s="587"/>
      <c r="BC46" s="588"/>
      <c r="BD46" s="588"/>
      <c r="BE46" s="588"/>
      <c r="BF46" s="589"/>
    </row>
    <row r="47" spans="2:58" ht="20.25" customHeight="1" x14ac:dyDescent="0.4">
      <c r="B47" s="483"/>
      <c r="C47" s="566"/>
      <c r="D47" s="567"/>
      <c r="E47" s="568"/>
      <c r="F47" s="175"/>
      <c r="G47" s="494"/>
      <c r="H47" s="497"/>
      <c r="I47" s="498"/>
      <c r="J47" s="498"/>
      <c r="K47" s="499"/>
      <c r="L47" s="503"/>
      <c r="M47" s="504"/>
      <c r="N47" s="504"/>
      <c r="O47" s="505"/>
      <c r="P47" s="549" t="s">
        <v>195</v>
      </c>
      <c r="Q47" s="550"/>
      <c r="R47" s="551"/>
      <c r="S47" s="176" t="str">
        <f>IF(S46="","",VLOOKUP(S46,'シフト記号表（勤務時間帯）'!$C$6:$K$35,9,FALSE))</f>
        <v/>
      </c>
      <c r="T47" s="177" t="str">
        <f>IF(T46="","",VLOOKUP(T46,'シフト記号表（勤務時間帯）'!$C$6:$K$35,9,FALSE))</f>
        <v/>
      </c>
      <c r="U47" s="177" t="str">
        <f>IF(U46="","",VLOOKUP(U46,'シフト記号表（勤務時間帯）'!$C$6:$K$35,9,FALSE))</f>
        <v/>
      </c>
      <c r="V47" s="177" t="str">
        <f>IF(V46="","",VLOOKUP(V46,'シフト記号表（勤務時間帯）'!$C$6:$K$35,9,FALSE))</f>
        <v/>
      </c>
      <c r="W47" s="177" t="str">
        <f>IF(W46="","",VLOOKUP(W46,'シフト記号表（勤務時間帯）'!$C$6:$K$35,9,FALSE))</f>
        <v/>
      </c>
      <c r="X47" s="177" t="str">
        <f>IF(X46="","",VLOOKUP(X46,'シフト記号表（勤務時間帯）'!$C$6:$K$35,9,FALSE))</f>
        <v/>
      </c>
      <c r="Y47" s="178" t="str">
        <f>IF(Y46="","",VLOOKUP(Y46,'シフト記号表（勤務時間帯）'!$C$6:$K$35,9,FALSE))</f>
        <v/>
      </c>
      <c r="Z47" s="176" t="str">
        <f>IF(Z46="","",VLOOKUP(Z46,'シフト記号表（勤務時間帯）'!$C$6:$K$35,9,FALSE))</f>
        <v/>
      </c>
      <c r="AA47" s="177" t="str">
        <f>IF(AA46="","",VLOOKUP(AA46,'シフト記号表（勤務時間帯）'!$C$6:$K$35,9,FALSE))</f>
        <v/>
      </c>
      <c r="AB47" s="177" t="str">
        <f>IF(AB46="","",VLOOKUP(AB46,'シフト記号表（勤務時間帯）'!$C$6:$K$35,9,FALSE))</f>
        <v/>
      </c>
      <c r="AC47" s="177" t="str">
        <f>IF(AC46="","",VLOOKUP(AC46,'シフト記号表（勤務時間帯）'!$C$6:$K$35,9,FALSE))</f>
        <v/>
      </c>
      <c r="AD47" s="177" t="str">
        <f>IF(AD46="","",VLOOKUP(AD46,'シフト記号表（勤務時間帯）'!$C$6:$K$35,9,FALSE))</f>
        <v/>
      </c>
      <c r="AE47" s="177" t="str">
        <f>IF(AE46="","",VLOOKUP(AE46,'シフト記号表（勤務時間帯）'!$C$6:$K$35,9,FALSE))</f>
        <v/>
      </c>
      <c r="AF47" s="178" t="str">
        <f>IF(AF46="","",VLOOKUP(AF46,'シフト記号表（勤務時間帯）'!$C$6:$K$35,9,FALSE))</f>
        <v/>
      </c>
      <c r="AG47" s="176" t="str">
        <f>IF(AG46="","",VLOOKUP(AG46,'シフト記号表（勤務時間帯）'!$C$6:$K$35,9,FALSE))</f>
        <v/>
      </c>
      <c r="AH47" s="177" t="str">
        <f>IF(AH46="","",VLOOKUP(AH46,'シフト記号表（勤務時間帯）'!$C$6:$K$35,9,FALSE))</f>
        <v/>
      </c>
      <c r="AI47" s="177" t="str">
        <f>IF(AI46="","",VLOOKUP(AI46,'シフト記号表（勤務時間帯）'!$C$6:$K$35,9,FALSE))</f>
        <v/>
      </c>
      <c r="AJ47" s="177" t="str">
        <f>IF(AJ46="","",VLOOKUP(AJ46,'シフト記号表（勤務時間帯）'!$C$6:$K$35,9,FALSE))</f>
        <v/>
      </c>
      <c r="AK47" s="177" t="str">
        <f>IF(AK46="","",VLOOKUP(AK46,'シフト記号表（勤務時間帯）'!$C$6:$K$35,9,FALSE))</f>
        <v/>
      </c>
      <c r="AL47" s="177" t="str">
        <f>IF(AL46="","",VLOOKUP(AL46,'シフト記号表（勤務時間帯）'!$C$6:$K$35,9,FALSE))</f>
        <v/>
      </c>
      <c r="AM47" s="178" t="str">
        <f>IF(AM46="","",VLOOKUP(AM46,'シフト記号表（勤務時間帯）'!$C$6:$K$35,9,FALSE))</f>
        <v/>
      </c>
      <c r="AN47" s="176" t="str">
        <f>IF(AN46="","",VLOOKUP(AN46,'シフト記号表（勤務時間帯）'!$C$6:$K$35,9,FALSE))</f>
        <v/>
      </c>
      <c r="AO47" s="177" t="str">
        <f>IF(AO46="","",VLOOKUP(AO46,'シフト記号表（勤務時間帯）'!$C$6:$K$35,9,FALSE))</f>
        <v/>
      </c>
      <c r="AP47" s="177" t="str">
        <f>IF(AP46="","",VLOOKUP(AP46,'シフト記号表（勤務時間帯）'!$C$6:$K$35,9,FALSE))</f>
        <v/>
      </c>
      <c r="AQ47" s="177" t="str">
        <f>IF(AQ46="","",VLOOKUP(AQ46,'シフト記号表（勤務時間帯）'!$C$6:$K$35,9,FALSE))</f>
        <v/>
      </c>
      <c r="AR47" s="177" t="str">
        <f>IF(AR46="","",VLOOKUP(AR46,'シフト記号表（勤務時間帯）'!$C$6:$K$35,9,FALSE))</f>
        <v/>
      </c>
      <c r="AS47" s="177" t="str">
        <f>IF(AS46="","",VLOOKUP(AS46,'シフト記号表（勤務時間帯）'!$C$6:$K$35,9,FALSE))</f>
        <v/>
      </c>
      <c r="AT47" s="178" t="str">
        <f>IF(AT46="","",VLOOKUP(AT46,'シフト記号表（勤務時間帯）'!$C$6:$K$35,9,FALSE))</f>
        <v/>
      </c>
      <c r="AU47" s="176" t="str">
        <f>IF(AU46="","",VLOOKUP(AU46,'シフト記号表（勤務時間帯）'!$C$6:$K$35,9,FALSE))</f>
        <v/>
      </c>
      <c r="AV47" s="177" t="str">
        <f>IF(AV46="","",VLOOKUP(AV46,'シフト記号表（勤務時間帯）'!$C$6:$K$35,9,FALSE))</f>
        <v/>
      </c>
      <c r="AW47" s="177" t="str">
        <f>IF(AW46="","",VLOOKUP(AW46,'シフト記号表（勤務時間帯）'!$C$6:$K$35,9,FALSE))</f>
        <v/>
      </c>
      <c r="AX47" s="552">
        <f>IF($BB$3="４週",SUM(S47:AT47),IF($BB$3="暦月",SUM(S47:AW47),""))</f>
        <v>0</v>
      </c>
      <c r="AY47" s="553"/>
      <c r="AZ47" s="554">
        <f>IF($BB$3="４週",AX47/4,IF($BB$3="暦月",通所型サービス!AX47/(通所型サービス!$BB$8/7),""))</f>
        <v>0</v>
      </c>
      <c r="BA47" s="555"/>
      <c r="BB47" s="543"/>
      <c r="BC47" s="544"/>
      <c r="BD47" s="544"/>
      <c r="BE47" s="544"/>
      <c r="BF47" s="545"/>
    </row>
    <row r="48" spans="2:58" ht="20.25" customHeight="1" x14ac:dyDescent="0.4">
      <c r="B48" s="483"/>
      <c r="C48" s="569"/>
      <c r="D48" s="570"/>
      <c r="E48" s="571"/>
      <c r="F48" s="175">
        <f>C46</f>
        <v>0</v>
      </c>
      <c r="G48" s="573"/>
      <c r="H48" s="497"/>
      <c r="I48" s="498"/>
      <c r="J48" s="498"/>
      <c r="K48" s="499"/>
      <c r="L48" s="577"/>
      <c r="M48" s="578"/>
      <c r="N48" s="578"/>
      <c r="O48" s="579"/>
      <c r="P48" s="556" t="s">
        <v>196</v>
      </c>
      <c r="Q48" s="557"/>
      <c r="R48" s="558"/>
      <c r="S48" s="180" t="str">
        <f>IF(S46="","",VLOOKUP(S46,'シフト記号表（勤務時間帯）'!$C$6:$U$35,19,FALSE))</f>
        <v/>
      </c>
      <c r="T48" s="181" t="str">
        <f>IF(T46="","",VLOOKUP(T46,'シフト記号表（勤務時間帯）'!$C$6:$U$35,19,FALSE))</f>
        <v/>
      </c>
      <c r="U48" s="181" t="str">
        <f>IF(U46="","",VLOOKUP(U46,'シフト記号表（勤務時間帯）'!$C$6:$U$35,19,FALSE))</f>
        <v/>
      </c>
      <c r="V48" s="181" t="str">
        <f>IF(V46="","",VLOOKUP(V46,'シフト記号表（勤務時間帯）'!$C$6:$U$35,19,FALSE))</f>
        <v/>
      </c>
      <c r="W48" s="181" t="str">
        <f>IF(W46="","",VLOOKUP(W46,'シフト記号表（勤務時間帯）'!$C$6:$U$35,19,FALSE))</f>
        <v/>
      </c>
      <c r="X48" s="181" t="str">
        <f>IF(X46="","",VLOOKUP(X46,'シフト記号表（勤務時間帯）'!$C$6:$U$35,19,FALSE))</f>
        <v/>
      </c>
      <c r="Y48" s="182" t="str">
        <f>IF(Y46="","",VLOOKUP(Y46,'シフト記号表（勤務時間帯）'!$C$6:$U$35,19,FALSE))</f>
        <v/>
      </c>
      <c r="Z48" s="180" t="str">
        <f>IF(Z46="","",VLOOKUP(Z46,'シフト記号表（勤務時間帯）'!$C$6:$U$35,19,FALSE))</f>
        <v/>
      </c>
      <c r="AA48" s="181" t="str">
        <f>IF(AA46="","",VLOOKUP(AA46,'シフト記号表（勤務時間帯）'!$C$6:$U$35,19,FALSE))</f>
        <v/>
      </c>
      <c r="AB48" s="181" t="str">
        <f>IF(AB46="","",VLOOKUP(AB46,'シフト記号表（勤務時間帯）'!$C$6:$U$35,19,FALSE))</f>
        <v/>
      </c>
      <c r="AC48" s="181" t="str">
        <f>IF(AC46="","",VLOOKUP(AC46,'シフト記号表（勤務時間帯）'!$C$6:$U$35,19,FALSE))</f>
        <v/>
      </c>
      <c r="AD48" s="181" t="str">
        <f>IF(AD46="","",VLOOKUP(AD46,'シフト記号表（勤務時間帯）'!$C$6:$U$35,19,FALSE))</f>
        <v/>
      </c>
      <c r="AE48" s="181" t="str">
        <f>IF(AE46="","",VLOOKUP(AE46,'シフト記号表（勤務時間帯）'!$C$6:$U$35,19,FALSE))</f>
        <v/>
      </c>
      <c r="AF48" s="182" t="str">
        <f>IF(AF46="","",VLOOKUP(AF46,'シフト記号表（勤務時間帯）'!$C$6:$U$35,19,FALSE))</f>
        <v/>
      </c>
      <c r="AG48" s="180" t="str">
        <f>IF(AG46="","",VLOOKUP(AG46,'シフト記号表（勤務時間帯）'!$C$6:$U$35,19,FALSE))</f>
        <v/>
      </c>
      <c r="AH48" s="181" t="str">
        <f>IF(AH46="","",VLOOKUP(AH46,'シフト記号表（勤務時間帯）'!$C$6:$U$35,19,FALSE))</f>
        <v/>
      </c>
      <c r="AI48" s="181" t="str">
        <f>IF(AI46="","",VLOOKUP(AI46,'シフト記号表（勤務時間帯）'!$C$6:$U$35,19,FALSE))</f>
        <v/>
      </c>
      <c r="AJ48" s="181" t="str">
        <f>IF(AJ46="","",VLOOKUP(AJ46,'シフト記号表（勤務時間帯）'!$C$6:$U$35,19,FALSE))</f>
        <v/>
      </c>
      <c r="AK48" s="181" t="str">
        <f>IF(AK46="","",VLOOKUP(AK46,'シフト記号表（勤務時間帯）'!$C$6:$U$35,19,FALSE))</f>
        <v/>
      </c>
      <c r="AL48" s="181" t="str">
        <f>IF(AL46="","",VLOOKUP(AL46,'シフト記号表（勤務時間帯）'!$C$6:$U$35,19,FALSE))</f>
        <v/>
      </c>
      <c r="AM48" s="182" t="str">
        <f>IF(AM46="","",VLOOKUP(AM46,'シフト記号表（勤務時間帯）'!$C$6:$U$35,19,FALSE))</f>
        <v/>
      </c>
      <c r="AN48" s="180" t="str">
        <f>IF(AN46="","",VLOOKUP(AN46,'シフト記号表（勤務時間帯）'!$C$6:$U$35,19,FALSE))</f>
        <v/>
      </c>
      <c r="AO48" s="181" t="str">
        <f>IF(AO46="","",VLOOKUP(AO46,'シフト記号表（勤務時間帯）'!$C$6:$U$35,19,FALSE))</f>
        <v/>
      </c>
      <c r="AP48" s="181" t="str">
        <f>IF(AP46="","",VLOOKUP(AP46,'シフト記号表（勤務時間帯）'!$C$6:$U$35,19,FALSE))</f>
        <v/>
      </c>
      <c r="AQ48" s="181" t="str">
        <f>IF(AQ46="","",VLOOKUP(AQ46,'シフト記号表（勤務時間帯）'!$C$6:$U$35,19,FALSE))</f>
        <v/>
      </c>
      <c r="AR48" s="181" t="str">
        <f>IF(AR46="","",VLOOKUP(AR46,'シフト記号表（勤務時間帯）'!$C$6:$U$35,19,FALSE))</f>
        <v/>
      </c>
      <c r="AS48" s="181" t="str">
        <f>IF(AS46="","",VLOOKUP(AS46,'シフト記号表（勤務時間帯）'!$C$6:$U$35,19,FALSE))</f>
        <v/>
      </c>
      <c r="AT48" s="182" t="str">
        <f>IF(AT46="","",VLOOKUP(AT46,'シフト記号表（勤務時間帯）'!$C$6:$U$35,19,FALSE))</f>
        <v/>
      </c>
      <c r="AU48" s="180" t="str">
        <f>IF(AU46="","",VLOOKUP(AU46,'シフト記号表（勤務時間帯）'!$C$6:$U$35,19,FALSE))</f>
        <v/>
      </c>
      <c r="AV48" s="181" t="str">
        <f>IF(AV46="","",VLOOKUP(AV46,'シフト記号表（勤務時間帯）'!$C$6:$U$35,19,FALSE))</f>
        <v/>
      </c>
      <c r="AW48" s="181" t="str">
        <f>IF(AW46="","",VLOOKUP(AW46,'シフト記号表（勤務時間帯）'!$C$6:$U$35,19,FALSE))</f>
        <v/>
      </c>
      <c r="AX48" s="559">
        <f>IF($BB$3="４週",SUM(S48:AT48),IF($BB$3="暦月",SUM(S48:AW48),""))</f>
        <v>0</v>
      </c>
      <c r="AY48" s="560"/>
      <c r="AZ48" s="561">
        <f>IF($BB$3="４週",AX48/4,IF($BB$3="暦月",通所型サービス!AX48/(通所型サービス!$BB$8/7),""))</f>
        <v>0</v>
      </c>
      <c r="BA48" s="562"/>
      <c r="BB48" s="546"/>
      <c r="BC48" s="547"/>
      <c r="BD48" s="547"/>
      <c r="BE48" s="547"/>
      <c r="BF48" s="548"/>
    </row>
    <row r="49" spans="2:58" ht="20.25" customHeight="1" x14ac:dyDescent="0.4">
      <c r="B49" s="483">
        <f>B46+1</f>
        <v>10</v>
      </c>
      <c r="C49" s="563"/>
      <c r="D49" s="564"/>
      <c r="E49" s="565"/>
      <c r="F49" s="183"/>
      <c r="G49" s="572"/>
      <c r="H49" s="330"/>
      <c r="I49" s="498"/>
      <c r="J49" s="498"/>
      <c r="K49" s="499"/>
      <c r="L49" s="574"/>
      <c r="M49" s="575"/>
      <c r="N49" s="575"/>
      <c r="O49" s="576"/>
      <c r="P49" s="580" t="s">
        <v>194</v>
      </c>
      <c r="Q49" s="581"/>
      <c r="R49" s="582"/>
      <c r="S49" s="172"/>
      <c r="T49" s="173"/>
      <c r="U49" s="173"/>
      <c r="V49" s="173"/>
      <c r="W49" s="173"/>
      <c r="X49" s="173"/>
      <c r="Y49" s="174"/>
      <c r="Z49" s="172"/>
      <c r="AA49" s="173"/>
      <c r="AB49" s="173"/>
      <c r="AC49" s="173"/>
      <c r="AD49" s="173"/>
      <c r="AE49" s="173"/>
      <c r="AF49" s="174"/>
      <c r="AG49" s="172"/>
      <c r="AH49" s="173"/>
      <c r="AI49" s="173"/>
      <c r="AJ49" s="173"/>
      <c r="AK49" s="173"/>
      <c r="AL49" s="173"/>
      <c r="AM49" s="174"/>
      <c r="AN49" s="172"/>
      <c r="AO49" s="173"/>
      <c r="AP49" s="173"/>
      <c r="AQ49" s="173"/>
      <c r="AR49" s="173"/>
      <c r="AS49" s="173"/>
      <c r="AT49" s="174"/>
      <c r="AU49" s="172"/>
      <c r="AV49" s="173"/>
      <c r="AW49" s="173"/>
      <c r="AX49" s="583"/>
      <c r="AY49" s="584"/>
      <c r="AZ49" s="585"/>
      <c r="BA49" s="586"/>
      <c r="BB49" s="587"/>
      <c r="BC49" s="588"/>
      <c r="BD49" s="588"/>
      <c r="BE49" s="588"/>
      <c r="BF49" s="589"/>
    </row>
    <row r="50" spans="2:58" ht="20.25" customHeight="1" x14ac:dyDescent="0.4">
      <c r="B50" s="483"/>
      <c r="C50" s="566"/>
      <c r="D50" s="567"/>
      <c r="E50" s="568"/>
      <c r="F50" s="175"/>
      <c r="G50" s="494"/>
      <c r="H50" s="497"/>
      <c r="I50" s="498"/>
      <c r="J50" s="498"/>
      <c r="K50" s="499"/>
      <c r="L50" s="503"/>
      <c r="M50" s="504"/>
      <c r="N50" s="504"/>
      <c r="O50" s="505"/>
      <c r="P50" s="549" t="s">
        <v>195</v>
      </c>
      <c r="Q50" s="550"/>
      <c r="R50" s="551"/>
      <c r="S50" s="176" t="str">
        <f>IF(S49="","",VLOOKUP(S49,'シフト記号表（勤務時間帯）'!$C$6:$K$35,9,FALSE))</f>
        <v/>
      </c>
      <c r="T50" s="177" t="str">
        <f>IF(T49="","",VLOOKUP(T49,'シフト記号表（勤務時間帯）'!$C$6:$K$35,9,FALSE))</f>
        <v/>
      </c>
      <c r="U50" s="177" t="str">
        <f>IF(U49="","",VLOOKUP(U49,'シフト記号表（勤務時間帯）'!$C$6:$K$35,9,FALSE))</f>
        <v/>
      </c>
      <c r="V50" s="177" t="str">
        <f>IF(V49="","",VLOOKUP(V49,'シフト記号表（勤務時間帯）'!$C$6:$K$35,9,FALSE))</f>
        <v/>
      </c>
      <c r="W50" s="177" t="str">
        <f>IF(W49="","",VLOOKUP(W49,'シフト記号表（勤務時間帯）'!$C$6:$K$35,9,FALSE))</f>
        <v/>
      </c>
      <c r="X50" s="177" t="str">
        <f>IF(X49="","",VLOOKUP(X49,'シフト記号表（勤務時間帯）'!$C$6:$K$35,9,FALSE))</f>
        <v/>
      </c>
      <c r="Y50" s="178" t="str">
        <f>IF(Y49="","",VLOOKUP(Y49,'シフト記号表（勤務時間帯）'!$C$6:$K$35,9,FALSE))</f>
        <v/>
      </c>
      <c r="Z50" s="176" t="str">
        <f>IF(Z49="","",VLOOKUP(Z49,'シフト記号表（勤務時間帯）'!$C$6:$K$35,9,FALSE))</f>
        <v/>
      </c>
      <c r="AA50" s="177" t="str">
        <f>IF(AA49="","",VLOOKUP(AA49,'シフト記号表（勤務時間帯）'!$C$6:$K$35,9,FALSE))</f>
        <v/>
      </c>
      <c r="AB50" s="177" t="str">
        <f>IF(AB49="","",VLOOKUP(AB49,'シフト記号表（勤務時間帯）'!$C$6:$K$35,9,FALSE))</f>
        <v/>
      </c>
      <c r="AC50" s="177" t="str">
        <f>IF(AC49="","",VLOOKUP(AC49,'シフト記号表（勤務時間帯）'!$C$6:$K$35,9,FALSE))</f>
        <v/>
      </c>
      <c r="AD50" s="177" t="str">
        <f>IF(AD49="","",VLOOKUP(AD49,'シフト記号表（勤務時間帯）'!$C$6:$K$35,9,FALSE))</f>
        <v/>
      </c>
      <c r="AE50" s="177" t="str">
        <f>IF(AE49="","",VLOOKUP(AE49,'シフト記号表（勤務時間帯）'!$C$6:$K$35,9,FALSE))</f>
        <v/>
      </c>
      <c r="AF50" s="178" t="str">
        <f>IF(AF49="","",VLOOKUP(AF49,'シフト記号表（勤務時間帯）'!$C$6:$K$35,9,FALSE))</f>
        <v/>
      </c>
      <c r="AG50" s="176" t="str">
        <f>IF(AG49="","",VLOOKUP(AG49,'シフト記号表（勤務時間帯）'!$C$6:$K$35,9,FALSE))</f>
        <v/>
      </c>
      <c r="AH50" s="177" t="str">
        <f>IF(AH49="","",VLOOKUP(AH49,'シフト記号表（勤務時間帯）'!$C$6:$K$35,9,FALSE))</f>
        <v/>
      </c>
      <c r="AI50" s="177" t="str">
        <f>IF(AI49="","",VLOOKUP(AI49,'シフト記号表（勤務時間帯）'!$C$6:$K$35,9,FALSE))</f>
        <v/>
      </c>
      <c r="AJ50" s="177" t="str">
        <f>IF(AJ49="","",VLOOKUP(AJ49,'シフト記号表（勤務時間帯）'!$C$6:$K$35,9,FALSE))</f>
        <v/>
      </c>
      <c r="AK50" s="177" t="str">
        <f>IF(AK49="","",VLOOKUP(AK49,'シフト記号表（勤務時間帯）'!$C$6:$K$35,9,FALSE))</f>
        <v/>
      </c>
      <c r="AL50" s="177" t="str">
        <f>IF(AL49="","",VLOOKUP(AL49,'シフト記号表（勤務時間帯）'!$C$6:$K$35,9,FALSE))</f>
        <v/>
      </c>
      <c r="AM50" s="178" t="str">
        <f>IF(AM49="","",VLOOKUP(AM49,'シフト記号表（勤務時間帯）'!$C$6:$K$35,9,FALSE))</f>
        <v/>
      </c>
      <c r="AN50" s="176" t="str">
        <f>IF(AN49="","",VLOOKUP(AN49,'シフト記号表（勤務時間帯）'!$C$6:$K$35,9,FALSE))</f>
        <v/>
      </c>
      <c r="AO50" s="177" t="str">
        <f>IF(AO49="","",VLOOKUP(AO49,'シフト記号表（勤務時間帯）'!$C$6:$K$35,9,FALSE))</f>
        <v/>
      </c>
      <c r="AP50" s="177" t="str">
        <f>IF(AP49="","",VLOOKUP(AP49,'シフト記号表（勤務時間帯）'!$C$6:$K$35,9,FALSE))</f>
        <v/>
      </c>
      <c r="AQ50" s="177" t="str">
        <f>IF(AQ49="","",VLOOKUP(AQ49,'シフト記号表（勤務時間帯）'!$C$6:$K$35,9,FALSE))</f>
        <v/>
      </c>
      <c r="AR50" s="177" t="str">
        <f>IF(AR49="","",VLOOKUP(AR49,'シフト記号表（勤務時間帯）'!$C$6:$K$35,9,FALSE))</f>
        <v/>
      </c>
      <c r="AS50" s="177" t="str">
        <f>IF(AS49="","",VLOOKUP(AS49,'シフト記号表（勤務時間帯）'!$C$6:$K$35,9,FALSE))</f>
        <v/>
      </c>
      <c r="AT50" s="178" t="str">
        <f>IF(AT49="","",VLOOKUP(AT49,'シフト記号表（勤務時間帯）'!$C$6:$K$35,9,FALSE))</f>
        <v/>
      </c>
      <c r="AU50" s="176" t="str">
        <f>IF(AU49="","",VLOOKUP(AU49,'シフト記号表（勤務時間帯）'!$C$6:$K$35,9,FALSE))</f>
        <v/>
      </c>
      <c r="AV50" s="177" t="str">
        <f>IF(AV49="","",VLOOKUP(AV49,'シフト記号表（勤務時間帯）'!$C$6:$K$35,9,FALSE))</f>
        <v/>
      </c>
      <c r="AW50" s="177" t="str">
        <f>IF(AW49="","",VLOOKUP(AW49,'シフト記号表（勤務時間帯）'!$C$6:$K$35,9,FALSE))</f>
        <v/>
      </c>
      <c r="AX50" s="552">
        <f>IF($BB$3="４週",SUM(S50:AT50),IF($BB$3="暦月",SUM(S50:AW50),""))</f>
        <v>0</v>
      </c>
      <c r="AY50" s="553"/>
      <c r="AZ50" s="554">
        <f>IF($BB$3="４週",AX50/4,IF($BB$3="暦月",通所型サービス!AX50/(通所型サービス!$BB$8/7),""))</f>
        <v>0</v>
      </c>
      <c r="BA50" s="555"/>
      <c r="BB50" s="543"/>
      <c r="BC50" s="544"/>
      <c r="BD50" s="544"/>
      <c r="BE50" s="544"/>
      <c r="BF50" s="545"/>
    </row>
    <row r="51" spans="2:58" ht="20.25" customHeight="1" x14ac:dyDescent="0.4">
      <c r="B51" s="483"/>
      <c r="C51" s="569"/>
      <c r="D51" s="570"/>
      <c r="E51" s="571"/>
      <c r="F51" s="175">
        <f>C49</f>
        <v>0</v>
      </c>
      <c r="G51" s="573"/>
      <c r="H51" s="497"/>
      <c r="I51" s="498"/>
      <c r="J51" s="498"/>
      <c r="K51" s="499"/>
      <c r="L51" s="577"/>
      <c r="M51" s="578"/>
      <c r="N51" s="578"/>
      <c r="O51" s="579"/>
      <c r="P51" s="556" t="s">
        <v>196</v>
      </c>
      <c r="Q51" s="557"/>
      <c r="R51" s="558"/>
      <c r="S51" s="180" t="str">
        <f>IF(S49="","",VLOOKUP(S49,'シフト記号表（勤務時間帯）'!$C$6:$U$35,19,FALSE))</f>
        <v/>
      </c>
      <c r="T51" s="181" t="str">
        <f>IF(T49="","",VLOOKUP(T49,'シフト記号表（勤務時間帯）'!$C$6:$U$35,19,FALSE))</f>
        <v/>
      </c>
      <c r="U51" s="181" t="str">
        <f>IF(U49="","",VLOOKUP(U49,'シフト記号表（勤務時間帯）'!$C$6:$U$35,19,FALSE))</f>
        <v/>
      </c>
      <c r="V51" s="181" t="str">
        <f>IF(V49="","",VLOOKUP(V49,'シフト記号表（勤務時間帯）'!$C$6:$U$35,19,FALSE))</f>
        <v/>
      </c>
      <c r="W51" s="181" t="str">
        <f>IF(W49="","",VLOOKUP(W49,'シフト記号表（勤務時間帯）'!$C$6:$U$35,19,FALSE))</f>
        <v/>
      </c>
      <c r="X51" s="181" t="str">
        <f>IF(X49="","",VLOOKUP(X49,'シフト記号表（勤務時間帯）'!$C$6:$U$35,19,FALSE))</f>
        <v/>
      </c>
      <c r="Y51" s="182" t="str">
        <f>IF(Y49="","",VLOOKUP(Y49,'シフト記号表（勤務時間帯）'!$C$6:$U$35,19,FALSE))</f>
        <v/>
      </c>
      <c r="Z51" s="180" t="str">
        <f>IF(Z49="","",VLOOKUP(Z49,'シフト記号表（勤務時間帯）'!$C$6:$U$35,19,FALSE))</f>
        <v/>
      </c>
      <c r="AA51" s="181" t="str">
        <f>IF(AA49="","",VLOOKUP(AA49,'シフト記号表（勤務時間帯）'!$C$6:$U$35,19,FALSE))</f>
        <v/>
      </c>
      <c r="AB51" s="181" t="str">
        <f>IF(AB49="","",VLOOKUP(AB49,'シフト記号表（勤務時間帯）'!$C$6:$U$35,19,FALSE))</f>
        <v/>
      </c>
      <c r="AC51" s="181" t="str">
        <f>IF(AC49="","",VLOOKUP(AC49,'シフト記号表（勤務時間帯）'!$C$6:$U$35,19,FALSE))</f>
        <v/>
      </c>
      <c r="AD51" s="181" t="str">
        <f>IF(AD49="","",VLOOKUP(AD49,'シフト記号表（勤務時間帯）'!$C$6:$U$35,19,FALSE))</f>
        <v/>
      </c>
      <c r="AE51" s="181" t="str">
        <f>IF(AE49="","",VLOOKUP(AE49,'シフト記号表（勤務時間帯）'!$C$6:$U$35,19,FALSE))</f>
        <v/>
      </c>
      <c r="AF51" s="182" t="str">
        <f>IF(AF49="","",VLOOKUP(AF49,'シフト記号表（勤務時間帯）'!$C$6:$U$35,19,FALSE))</f>
        <v/>
      </c>
      <c r="AG51" s="180" t="str">
        <f>IF(AG49="","",VLOOKUP(AG49,'シフト記号表（勤務時間帯）'!$C$6:$U$35,19,FALSE))</f>
        <v/>
      </c>
      <c r="AH51" s="181" t="str">
        <f>IF(AH49="","",VLOOKUP(AH49,'シフト記号表（勤務時間帯）'!$C$6:$U$35,19,FALSE))</f>
        <v/>
      </c>
      <c r="AI51" s="181" t="str">
        <f>IF(AI49="","",VLOOKUP(AI49,'シフト記号表（勤務時間帯）'!$C$6:$U$35,19,FALSE))</f>
        <v/>
      </c>
      <c r="AJ51" s="181" t="str">
        <f>IF(AJ49="","",VLOOKUP(AJ49,'シフト記号表（勤務時間帯）'!$C$6:$U$35,19,FALSE))</f>
        <v/>
      </c>
      <c r="AK51" s="181" t="str">
        <f>IF(AK49="","",VLOOKUP(AK49,'シフト記号表（勤務時間帯）'!$C$6:$U$35,19,FALSE))</f>
        <v/>
      </c>
      <c r="AL51" s="181" t="str">
        <f>IF(AL49="","",VLOOKUP(AL49,'シフト記号表（勤務時間帯）'!$C$6:$U$35,19,FALSE))</f>
        <v/>
      </c>
      <c r="AM51" s="182" t="str">
        <f>IF(AM49="","",VLOOKUP(AM49,'シフト記号表（勤務時間帯）'!$C$6:$U$35,19,FALSE))</f>
        <v/>
      </c>
      <c r="AN51" s="180" t="str">
        <f>IF(AN49="","",VLOOKUP(AN49,'シフト記号表（勤務時間帯）'!$C$6:$U$35,19,FALSE))</f>
        <v/>
      </c>
      <c r="AO51" s="181" t="str">
        <f>IF(AO49="","",VLOOKUP(AO49,'シフト記号表（勤務時間帯）'!$C$6:$U$35,19,FALSE))</f>
        <v/>
      </c>
      <c r="AP51" s="181" t="str">
        <f>IF(AP49="","",VLOOKUP(AP49,'シフト記号表（勤務時間帯）'!$C$6:$U$35,19,FALSE))</f>
        <v/>
      </c>
      <c r="AQ51" s="181" t="str">
        <f>IF(AQ49="","",VLOOKUP(AQ49,'シフト記号表（勤務時間帯）'!$C$6:$U$35,19,FALSE))</f>
        <v/>
      </c>
      <c r="AR51" s="181" t="str">
        <f>IF(AR49="","",VLOOKUP(AR49,'シフト記号表（勤務時間帯）'!$C$6:$U$35,19,FALSE))</f>
        <v/>
      </c>
      <c r="AS51" s="181" t="str">
        <f>IF(AS49="","",VLOOKUP(AS49,'シフト記号表（勤務時間帯）'!$C$6:$U$35,19,FALSE))</f>
        <v/>
      </c>
      <c r="AT51" s="182" t="str">
        <f>IF(AT49="","",VLOOKUP(AT49,'シフト記号表（勤務時間帯）'!$C$6:$U$35,19,FALSE))</f>
        <v/>
      </c>
      <c r="AU51" s="180" t="str">
        <f>IF(AU49="","",VLOOKUP(AU49,'シフト記号表（勤務時間帯）'!$C$6:$U$35,19,FALSE))</f>
        <v/>
      </c>
      <c r="AV51" s="181" t="str">
        <f>IF(AV49="","",VLOOKUP(AV49,'シフト記号表（勤務時間帯）'!$C$6:$U$35,19,FALSE))</f>
        <v/>
      </c>
      <c r="AW51" s="181" t="str">
        <f>IF(AW49="","",VLOOKUP(AW49,'シフト記号表（勤務時間帯）'!$C$6:$U$35,19,FALSE))</f>
        <v/>
      </c>
      <c r="AX51" s="559">
        <f>IF($BB$3="４週",SUM(S51:AT51),IF($BB$3="暦月",SUM(S51:AW51),""))</f>
        <v>0</v>
      </c>
      <c r="AY51" s="560"/>
      <c r="AZ51" s="561">
        <f>IF($BB$3="４週",AX51/4,IF($BB$3="暦月",通所型サービス!AX51/(通所型サービス!$BB$8/7),""))</f>
        <v>0</v>
      </c>
      <c r="BA51" s="562"/>
      <c r="BB51" s="546"/>
      <c r="BC51" s="547"/>
      <c r="BD51" s="547"/>
      <c r="BE51" s="547"/>
      <c r="BF51" s="548"/>
    </row>
    <row r="52" spans="2:58" ht="20.25" customHeight="1" x14ac:dyDescent="0.4">
      <c r="B52" s="483">
        <f>B49+1</f>
        <v>11</v>
      </c>
      <c r="C52" s="563"/>
      <c r="D52" s="564"/>
      <c r="E52" s="565"/>
      <c r="F52" s="183"/>
      <c r="G52" s="572"/>
      <c r="H52" s="330"/>
      <c r="I52" s="498"/>
      <c r="J52" s="498"/>
      <c r="K52" s="499"/>
      <c r="L52" s="574"/>
      <c r="M52" s="575"/>
      <c r="N52" s="575"/>
      <c r="O52" s="576"/>
      <c r="P52" s="580" t="s">
        <v>194</v>
      </c>
      <c r="Q52" s="581"/>
      <c r="R52" s="582"/>
      <c r="S52" s="172"/>
      <c r="T52" s="173"/>
      <c r="U52" s="173"/>
      <c r="V52" s="173"/>
      <c r="W52" s="173"/>
      <c r="X52" s="173"/>
      <c r="Y52" s="174"/>
      <c r="Z52" s="172"/>
      <c r="AA52" s="173"/>
      <c r="AB52" s="173"/>
      <c r="AC52" s="173"/>
      <c r="AD52" s="173"/>
      <c r="AE52" s="173"/>
      <c r="AF52" s="174"/>
      <c r="AG52" s="172"/>
      <c r="AH52" s="173"/>
      <c r="AI52" s="173"/>
      <c r="AJ52" s="173"/>
      <c r="AK52" s="173"/>
      <c r="AL52" s="173"/>
      <c r="AM52" s="174"/>
      <c r="AN52" s="172"/>
      <c r="AO52" s="173"/>
      <c r="AP52" s="173"/>
      <c r="AQ52" s="173"/>
      <c r="AR52" s="173"/>
      <c r="AS52" s="173"/>
      <c r="AT52" s="174"/>
      <c r="AU52" s="172"/>
      <c r="AV52" s="173"/>
      <c r="AW52" s="173"/>
      <c r="AX52" s="583"/>
      <c r="AY52" s="584"/>
      <c r="AZ52" s="585"/>
      <c r="BA52" s="586"/>
      <c r="BB52" s="587"/>
      <c r="BC52" s="588"/>
      <c r="BD52" s="588"/>
      <c r="BE52" s="588"/>
      <c r="BF52" s="589"/>
    </row>
    <row r="53" spans="2:58" ht="20.25" customHeight="1" x14ac:dyDescent="0.4">
      <c r="B53" s="483"/>
      <c r="C53" s="566"/>
      <c r="D53" s="567"/>
      <c r="E53" s="568"/>
      <c r="F53" s="175"/>
      <c r="G53" s="494"/>
      <c r="H53" s="497"/>
      <c r="I53" s="498"/>
      <c r="J53" s="498"/>
      <c r="K53" s="499"/>
      <c r="L53" s="503"/>
      <c r="M53" s="504"/>
      <c r="N53" s="504"/>
      <c r="O53" s="505"/>
      <c r="P53" s="549" t="s">
        <v>195</v>
      </c>
      <c r="Q53" s="550"/>
      <c r="R53" s="551"/>
      <c r="S53" s="176" t="str">
        <f>IF(S52="","",VLOOKUP(S52,'シフト記号表（勤務時間帯）'!$C$6:$K$35,9,FALSE))</f>
        <v/>
      </c>
      <c r="T53" s="177" t="str">
        <f>IF(T52="","",VLOOKUP(T52,'シフト記号表（勤務時間帯）'!$C$6:$K$35,9,FALSE))</f>
        <v/>
      </c>
      <c r="U53" s="177" t="str">
        <f>IF(U52="","",VLOOKUP(U52,'シフト記号表（勤務時間帯）'!$C$6:$K$35,9,FALSE))</f>
        <v/>
      </c>
      <c r="V53" s="177" t="str">
        <f>IF(V52="","",VLOOKUP(V52,'シフト記号表（勤務時間帯）'!$C$6:$K$35,9,FALSE))</f>
        <v/>
      </c>
      <c r="W53" s="177" t="str">
        <f>IF(W52="","",VLOOKUP(W52,'シフト記号表（勤務時間帯）'!$C$6:$K$35,9,FALSE))</f>
        <v/>
      </c>
      <c r="X53" s="177" t="str">
        <f>IF(X52="","",VLOOKUP(X52,'シフト記号表（勤務時間帯）'!$C$6:$K$35,9,FALSE))</f>
        <v/>
      </c>
      <c r="Y53" s="178" t="str">
        <f>IF(Y52="","",VLOOKUP(Y52,'シフト記号表（勤務時間帯）'!$C$6:$K$35,9,FALSE))</f>
        <v/>
      </c>
      <c r="Z53" s="176" t="str">
        <f>IF(Z52="","",VLOOKUP(Z52,'シフト記号表（勤務時間帯）'!$C$6:$K$35,9,FALSE))</f>
        <v/>
      </c>
      <c r="AA53" s="177" t="str">
        <f>IF(AA52="","",VLOOKUP(AA52,'シフト記号表（勤務時間帯）'!$C$6:$K$35,9,FALSE))</f>
        <v/>
      </c>
      <c r="AB53" s="177" t="str">
        <f>IF(AB52="","",VLOOKUP(AB52,'シフト記号表（勤務時間帯）'!$C$6:$K$35,9,FALSE))</f>
        <v/>
      </c>
      <c r="AC53" s="177" t="str">
        <f>IF(AC52="","",VLOOKUP(AC52,'シフト記号表（勤務時間帯）'!$C$6:$K$35,9,FALSE))</f>
        <v/>
      </c>
      <c r="AD53" s="177" t="str">
        <f>IF(AD52="","",VLOOKUP(AD52,'シフト記号表（勤務時間帯）'!$C$6:$K$35,9,FALSE))</f>
        <v/>
      </c>
      <c r="AE53" s="177" t="str">
        <f>IF(AE52="","",VLOOKUP(AE52,'シフト記号表（勤務時間帯）'!$C$6:$K$35,9,FALSE))</f>
        <v/>
      </c>
      <c r="AF53" s="178" t="str">
        <f>IF(AF52="","",VLOOKUP(AF52,'シフト記号表（勤務時間帯）'!$C$6:$K$35,9,FALSE))</f>
        <v/>
      </c>
      <c r="AG53" s="176" t="str">
        <f>IF(AG52="","",VLOOKUP(AG52,'シフト記号表（勤務時間帯）'!$C$6:$K$35,9,FALSE))</f>
        <v/>
      </c>
      <c r="AH53" s="177" t="str">
        <f>IF(AH52="","",VLOOKUP(AH52,'シフト記号表（勤務時間帯）'!$C$6:$K$35,9,FALSE))</f>
        <v/>
      </c>
      <c r="AI53" s="177" t="str">
        <f>IF(AI52="","",VLOOKUP(AI52,'シフト記号表（勤務時間帯）'!$C$6:$K$35,9,FALSE))</f>
        <v/>
      </c>
      <c r="AJ53" s="177" t="str">
        <f>IF(AJ52="","",VLOOKUP(AJ52,'シフト記号表（勤務時間帯）'!$C$6:$K$35,9,FALSE))</f>
        <v/>
      </c>
      <c r="AK53" s="177" t="str">
        <f>IF(AK52="","",VLOOKUP(AK52,'シフト記号表（勤務時間帯）'!$C$6:$K$35,9,FALSE))</f>
        <v/>
      </c>
      <c r="AL53" s="177" t="str">
        <f>IF(AL52="","",VLOOKUP(AL52,'シフト記号表（勤務時間帯）'!$C$6:$K$35,9,FALSE))</f>
        <v/>
      </c>
      <c r="AM53" s="178" t="str">
        <f>IF(AM52="","",VLOOKUP(AM52,'シフト記号表（勤務時間帯）'!$C$6:$K$35,9,FALSE))</f>
        <v/>
      </c>
      <c r="AN53" s="176" t="str">
        <f>IF(AN52="","",VLOOKUP(AN52,'シフト記号表（勤務時間帯）'!$C$6:$K$35,9,FALSE))</f>
        <v/>
      </c>
      <c r="AO53" s="177" t="str">
        <f>IF(AO52="","",VLOOKUP(AO52,'シフト記号表（勤務時間帯）'!$C$6:$K$35,9,FALSE))</f>
        <v/>
      </c>
      <c r="AP53" s="177" t="str">
        <f>IF(AP52="","",VLOOKUP(AP52,'シフト記号表（勤務時間帯）'!$C$6:$K$35,9,FALSE))</f>
        <v/>
      </c>
      <c r="AQ53" s="177" t="str">
        <f>IF(AQ52="","",VLOOKUP(AQ52,'シフト記号表（勤務時間帯）'!$C$6:$K$35,9,FALSE))</f>
        <v/>
      </c>
      <c r="AR53" s="177" t="str">
        <f>IF(AR52="","",VLOOKUP(AR52,'シフト記号表（勤務時間帯）'!$C$6:$K$35,9,FALSE))</f>
        <v/>
      </c>
      <c r="AS53" s="177" t="str">
        <f>IF(AS52="","",VLOOKUP(AS52,'シフト記号表（勤務時間帯）'!$C$6:$K$35,9,FALSE))</f>
        <v/>
      </c>
      <c r="AT53" s="178" t="str">
        <f>IF(AT52="","",VLOOKUP(AT52,'シフト記号表（勤務時間帯）'!$C$6:$K$35,9,FALSE))</f>
        <v/>
      </c>
      <c r="AU53" s="176" t="str">
        <f>IF(AU52="","",VLOOKUP(AU52,'シフト記号表（勤務時間帯）'!$C$6:$K$35,9,FALSE))</f>
        <v/>
      </c>
      <c r="AV53" s="177" t="str">
        <f>IF(AV52="","",VLOOKUP(AV52,'シフト記号表（勤務時間帯）'!$C$6:$K$35,9,FALSE))</f>
        <v/>
      </c>
      <c r="AW53" s="177" t="str">
        <f>IF(AW52="","",VLOOKUP(AW52,'シフト記号表（勤務時間帯）'!$C$6:$K$35,9,FALSE))</f>
        <v/>
      </c>
      <c r="AX53" s="552">
        <f>IF($BB$3="４週",SUM(S53:AT53),IF($BB$3="暦月",SUM(S53:AW53),""))</f>
        <v>0</v>
      </c>
      <c r="AY53" s="553"/>
      <c r="AZ53" s="554">
        <f>IF($BB$3="４週",AX53/4,IF($BB$3="暦月",通所型サービス!AX53/(通所型サービス!$BB$8/7),""))</f>
        <v>0</v>
      </c>
      <c r="BA53" s="555"/>
      <c r="BB53" s="543"/>
      <c r="BC53" s="544"/>
      <c r="BD53" s="544"/>
      <c r="BE53" s="544"/>
      <c r="BF53" s="545"/>
    </row>
    <row r="54" spans="2:58" ht="20.25" customHeight="1" x14ac:dyDescent="0.4">
      <c r="B54" s="483"/>
      <c r="C54" s="569"/>
      <c r="D54" s="570"/>
      <c r="E54" s="571"/>
      <c r="F54" s="175">
        <f>C52</f>
        <v>0</v>
      </c>
      <c r="G54" s="573"/>
      <c r="H54" s="497"/>
      <c r="I54" s="498"/>
      <c r="J54" s="498"/>
      <c r="K54" s="499"/>
      <c r="L54" s="577"/>
      <c r="M54" s="578"/>
      <c r="N54" s="578"/>
      <c r="O54" s="579"/>
      <c r="P54" s="556" t="s">
        <v>196</v>
      </c>
      <c r="Q54" s="557"/>
      <c r="R54" s="558"/>
      <c r="S54" s="180" t="str">
        <f>IF(S52="","",VLOOKUP(S52,'シフト記号表（勤務時間帯）'!$C$6:$U$35,19,FALSE))</f>
        <v/>
      </c>
      <c r="T54" s="181" t="str">
        <f>IF(T52="","",VLOOKUP(T52,'シフト記号表（勤務時間帯）'!$C$6:$U$35,19,FALSE))</f>
        <v/>
      </c>
      <c r="U54" s="181" t="str">
        <f>IF(U52="","",VLOOKUP(U52,'シフト記号表（勤務時間帯）'!$C$6:$U$35,19,FALSE))</f>
        <v/>
      </c>
      <c r="V54" s="181" t="str">
        <f>IF(V52="","",VLOOKUP(V52,'シフト記号表（勤務時間帯）'!$C$6:$U$35,19,FALSE))</f>
        <v/>
      </c>
      <c r="W54" s="181" t="str">
        <f>IF(W52="","",VLOOKUP(W52,'シフト記号表（勤務時間帯）'!$C$6:$U$35,19,FALSE))</f>
        <v/>
      </c>
      <c r="X54" s="181" t="str">
        <f>IF(X52="","",VLOOKUP(X52,'シフト記号表（勤務時間帯）'!$C$6:$U$35,19,FALSE))</f>
        <v/>
      </c>
      <c r="Y54" s="182" t="str">
        <f>IF(Y52="","",VLOOKUP(Y52,'シフト記号表（勤務時間帯）'!$C$6:$U$35,19,FALSE))</f>
        <v/>
      </c>
      <c r="Z54" s="180" t="str">
        <f>IF(Z52="","",VLOOKUP(Z52,'シフト記号表（勤務時間帯）'!$C$6:$U$35,19,FALSE))</f>
        <v/>
      </c>
      <c r="AA54" s="181" t="str">
        <f>IF(AA52="","",VLOOKUP(AA52,'シフト記号表（勤務時間帯）'!$C$6:$U$35,19,FALSE))</f>
        <v/>
      </c>
      <c r="AB54" s="181" t="str">
        <f>IF(AB52="","",VLOOKUP(AB52,'シフト記号表（勤務時間帯）'!$C$6:$U$35,19,FALSE))</f>
        <v/>
      </c>
      <c r="AC54" s="181" t="str">
        <f>IF(AC52="","",VLOOKUP(AC52,'シフト記号表（勤務時間帯）'!$C$6:$U$35,19,FALSE))</f>
        <v/>
      </c>
      <c r="AD54" s="181" t="str">
        <f>IF(AD52="","",VLOOKUP(AD52,'シフト記号表（勤務時間帯）'!$C$6:$U$35,19,FALSE))</f>
        <v/>
      </c>
      <c r="AE54" s="181" t="str">
        <f>IF(AE52="","",VLOOKUP(AE52,'シフト記号表（勤務時間帯）'!$C$6:$U$35,19,FALSE))</f>
        <v/>
      </c>
      <c r="AF54" s="182" t="str">
        <f>IF(AF52="","",VLOOKUP(AF52,'シフト記号表（勤務時間帯）'!$C$6:$U$35,19,FALSE))</f>
        <v/>
      </c>
      <c r="AG54" s="180" t="str">
        <f>IF(AG52="","",VLOOKUP(AG52,'シフト記号表（勤務時間帯）'!$C$6:$U$35,19,FALSE))</f>
        <v/>
      </c>
      <c r="AH54" s="181" t="str">
        <f>IF(AH52="","",VLOOKUP(AH52,'シフト記号表（勤務時間帯）'!$C$6:$U$35,19,FALSE))</f>
        <v/>
      </c>
      <c r="AI54" s="181" t="str">
        <f>IF(AI52="","",VLOOKUP(AI52,'シフト記号表（勤務時間帯）'!$C$6:$U$35,19,FALSE))</f>
        <v/>
      </c>
      <c r="AJ54" s="181" t="str">
        <f>IF(AJ52="","",VLOOKUP(AJ52,'シフト記号表（勤務時間帯）'!$C$6:$U$35,19,FALSE))</f>
        <v/>
      </c>
      <c r="AK54" s="181" t="str">
        <f>IF(AK52="","",VLOOKUP(AK52,'シフト記号表（勤務時間帯）'!$C$6:$U$35,19,FALSE))</f>
        <v/>
      </c>
      <c r="AL54" s="181" t="str">
        <f>IF(AL52="","",VLOOKUP(AL52,'シフト記号表（勤務時間帯）'!$C$6:$U$35,19,FALSE))</f>
        <v/>
      </c>
      <c r="AM54" s="182" t="str">
        <f>IF(AM52="","",VLOOKUP(AM52,'シフト記号表（勤務時間帯）'!$C$6:$U$35,19,FALSE))</f>
        <v/>
      </c>
      <c r="AN54" s="180" t="str">
        <f>IF(AN52="","",VLOOKUP(AN52,'シフト記号表（勤務時間帯）'!$C$6:$U$35,19,FALSE))</f>
        <v/>
      </c>
      <c r="AO54" s="181" t="str">
        <f>IF(AO52="","",VLOOKUP(AO52,'シフト記号表（勤務時間帯）'!$C$6:$U$35,19,FALSE))</f>
        <v/>
      </c>
      <c r="AP54" s="181" t="str">
        <f>IF(AP52="","",VLOOKUP(AP52,'シフト記号表（勤務時間帯）'!$C$6:$U$35,19,FALSE))</f>
        <v/>
      </c>
      <c r="AQ54" s="181" t="str">
        <f>IF(AQ52="","",VLOOKUP(AQ52,'シフト記号表（勤務時間帯）'!$C$6:$U$35,19,FALSE))</f>
        <v/>
      </c>
      <c r="AR54" s="181" t="str">
        <f>IF(AR52="","",VLOOKUP(AR52,'シフト記号表（勤務時間帯）'!$C$6:$U$35,19,FALSE))</f>
        <v/>
      </c>
      <c r="AS54" s="181" t="str">
        <f>IF(AS52="","",VLOOKUP(AS52,'シフト記号表（勤務時間帯）'!$C$6:$U$35,19,FALSE))</f>
        <v/>
      </c>
      <c r="AT54" s="182" t="str">
        <f>IF(AT52="","",VLOOKUP(AT52,'シフト記号表（勤務時間帯）'!$C$6:$U$35,19,FALSE))</f>
        <v/>
      </c>
      <c r="AU54" s="180" t="str">
        <f>IF(AU52="","",VLOOKUP(AU52,'シフト記号表（勤務時間帯）'!$C$6:$U$35,19,FALSE))</f>
        <v/>
      </c>
      <c r="AV54" s="181" t="str">
        <f>IF(AV52="","",VLOOKUP(AV52,'シフト記号表（勤務時間帯）'!$C$6:$U$35,19,FALSE))</f>
        <v/>
      </c>
      <c r="AW54" s="181" t="str">
        <f>IF(AW52="","",VLOOKUP(AW52,'シフト記号表（勤務時間帯）'!$C$6:$U$35,19,FALSE))</f>
        <v/>
      </c>
      <c r="AX54" s="559">
        <f>IF($BB$3="４週",SUM(S54:AT54),IF($BB$3="暦月",SUM(S54:AW54),""))</f>
        <v>0</v>
      </c>
      <c r="AY54" s="560"/>
      <c r="AZ54" s="561">
        <f>IF($BB$3="４週",AX54/4,IF($BB$3="暦月",通所型サービス!AX54/(通所型サービス!$BB$8/7),""))</f>
        <v>0</v>
      </c>
      <c r="BA54" s="562"/>
      <c r="BB54" s="546"/>
      <c r="BC54" s="547"/>
      <c r="BD54" s="547"/>
      <c r="BE54" s="547"/>
      <c r="BF54" s="548"/>
    </row>
    <row r="55" spans="2:58" ht="20.25" customHeight="1" x14ac:dyDescent="0.4">
      <c r="B55" s="483">
        <f>B52+1</f>
        <v>12</v>
      </c>
      <c r="C55" s="563"/>
      <c r="D55" s="564"/>
      <c r="E55" s="565"/>
      <c r="F55" s="183"/>
      <c r="G55" s="572"/>
      <c r="H55" s="330"/>
      <c r="I55" s="498"/>
      <c r="J55" s="498"/>
      <c r="K55" s="499"/>
      <c r="L55" s="574"/>
      <c r="M55" s="575"/>
      <c r="N55" s="575"/>
      <c r="O55" s="576"/>
      <c r="P55" s="580" t="s">
        <v>194</v>
      </c>
      <c r="Q55" s="581"/>
      <c r="R55" s="582"/>
      <c r="S55" s="172"/>
      <c r="T55" s="173"/>
      <c r="U55" s="173"/>
      <c r="V55" s="173"/>
      <c r="W55" s="173"/>
      <c r="X55" s="173"/>
      <c r="Y55" s="174"/>
      <c r="Z55" s="172"/>
      <c r="AA55" s="173"/>
      <c r="AB55" s="173"/>
      <c r="AC55" s="173"/>
      <c r="AD55" s="173"/>
      <c r="AE55" s="173"/>
      <c r="AF55" s="174"/>
      <c r="AG55" s="172"/>
      <c r="AH55" s="173"/>
      <c r="AI55" s="173"/>
      <c r="AJ55" s="173"/>
      <c r="AK55" s="173"/>
      <c r="AL55" s="173"/>
      <c r="AM55" s="174"/>
      <c r="AN55" s="172"/>
      <c r="AO55" s="173"/>
      <c r="AP55" s="173"/>
      <c r="AQ55" s="173"/>
      <c r="AR55" s="173"/>
      <c r="AS55" s="173"/>
      <c r="AT55" s="174"/>
      <c r="AU55" s="172"/>
      <c r="AV55" s="173"/>
      <c r="AW55" s="173"/>
      <c r="AX55" s="583"/>
      <c r="AY55" s="584"/>
      <c r="AZ55" s="585"/>
      <c r="BA55" s="586"/>
      <c r="BB55" s="601"/>
      <c r="BC55" s="575"/>
      <c r="BD55" s="575"/>
      <c r="BE55" s="575"/>
      <c r="BF55" s="576"/>
    </row>
    <row r="56" spans="2:58" ht="20.25" customHeight="1" x14ac:dyDescent="0.4">
      <c r="B56" s="483"/>
      <c r="C56" s="566"/>
      <c r="D56" s="567"/>
      <c r="E56" s="568"/>
      <c r="F56" s="175"/>
      <c r="G56" s="494"/>
      <c r="H56" s="497"/>
      <c r="I56" s="498"/>
      <c r="J56" s="498"/>
      <c r="K56" s="499"/>
      <c r="L56" s="503"/>
      <c r="M56" s="504"/>
      <c r="N56" s="504"/>
      <c r="O56" s="505"/>
      <c r="P56" s="549" t="s">
        <v>195</v>
      </c>
      <c r="Q56" s="550"/>
      <c r="R56" s="551"/>
      <c r="S56" s="176" t="str">
        <f>IF(S55="","",VLOOKUP(S55,'シフト記号表（勤務時間帯）'!$C$6:$K$35,9,FALSE))</f>
        <v/>
      </c>
      <c r="T56" s="177" t="str">
        <f>IF(T55="","",VLOOKUP(T55,'シフト記号表（勤務時間帯）'!$C$6:$K$35,9,FALSE))</f>
        <v/>
      </c>
      <c r="U56" s="177" t="str">
        <f>IF(U55="","",VLOOKUP(U55,'シフト記号表（勤務時間帯）'!$C$6:$K$35,9,FALSE))</f>
        <v/>
      </c>
      <c r="V56" s="177" t="str">
        <f>IF(V55="","",VLOOKUP(V55,'シフト記号表（勤務時間帯）'!$C$6:$K$35,9,FALSE))</f>
        <v/>
      </c>
      <c r="W56" s="177" t="str">
        <f>IF(W55="","",VLOOKUP(W55,'シフト記号表（勤務時間帯）'!$C$6:$K$35,9,FALSE))</f>
        <v/>
      </c>
      <c r="X56" s="177" t="str">
        <f>IF(X55="","",VLOOKUP(X55,'シフト記号表（勤務時間帯）'!$C$6:$K$35,9,FALSE))</f>
        <v/>
      </c>
      <c r="Y56" s="178" t="str">
        <f>IF(Y55="","",VLOOKUP(Y55,'シフト記号表（勤務時間帯）'!$C$6:$K$35,9,FALSE))</f>
        <v/>
      </c>
      <c r="Z56" s="176" t="str">
        <f>IF(Z55="","",VLOOKUP(Z55,'シフト記号表（勤務時間帯）'!$C$6:$K$35,9,FALSE))</f>
        <v/>
      </c>
      <c r="AA56" s="177" t="str">
        <f>IF(AA55="","",VLOOKUP(AA55,'シフト記号表（勤務時間帯）'!$C$6:$K$35,9,FALSE))</f>
        <v/>
      </c>
      <c r="AB56" s="177" t="str">
        <f>IF(AB55="","",VLOOKUP(AB55,'シフト記号表（勤務時間帯）'!$C$6:$K$35,9,FALSE))</f>
        <v/>
      </c>
      <c r="AC56" s="177" t="str">
        <f>IF(AC55="","",VLOOKUP(AC55,'シフト記号表（勤務時間帯）'!$C$6:$K$35,9,FALSE))</f>
        <v/>
      </c>
      <c r="AD56" s="177" t="str">
        <f>IF(AD55="","",VLOOKUP(AD55,'シフト記号表（勤務時間帯）'!$C$6:$K$35,9,FALSE))</f>
        <v/>
      </c>
      <c r="AE56" s="177" t="str">
        <f>IF(AE55="","",VLOOKUP(AE55,'シフト記号表（勤務時間帯）'!$C$6:$K$35,9,FALSE))</f>
        <v/>
      </c>
      <c r="AF56" s="178" t="str">
        <f>IF(AF55="","",VLOOKUP(AF55,'シフト記号表（勤務時間帯）'!$C$6:$K$35,9,FALSE))</f>
        <v/>
      </c>
      <c r="AG56" s="176" t="str">
        <f>IF(AG55="","",VLOOKUP(AG55,'シフト記号表（勤務時間帯）'!$C$6:$K$35,9,FALSE))</f>
        <v/>
      </c>
      <c r="AH56" s="177" t="str">
        <f>IF(AH55="","",VLOOKUP(AH55,'シフト記号表（勤務時間帯）'!$C$6:$K$35,9,FALSE))</f>
        <v/>
      </c>
      <c r="AI56" s="177" t="str">
        <f>IF(AI55="","",VLOOKUP(AI55,'シフト記号表（勤務時間帯）'!$C$6:$K$35,9,FALSE))</f>
        <v/>
      </c>
      <c r="AJ56" s="177" t="str">
        <f>IF(AJ55="","",VLOOKUP(AJ55,'シフト記号表（勤務時間帯）'!$C$6:$K$35,9,FALSE))</f>
        <v/>
      </c>
      <c r="AK56" s="177" t="str">
        <f>IF(AK55="","",VLOOKUP(AK55,'シフト記号表（勤務時間帯）'!$C$6:$K$35,9,FALSE))</f>
        <v/>
      </c>
      <c r="AL56" s="177" t="str">
        <f>IF(AL55="","",VLOOKUP(AL55,'シフト記号表（勤務時間帯）'!$C$6:$K$35,9,FALSE))</f>
        <v/>
      </c>
      <c r="AM56" s="178" t="str">
        <f>IF(AM55="","",VLOOKUP(AM55,'シフト記号表（勤務時間帯）'!$C$6:$K$35,9,FALSE))</f>
        <v/>
      </c>
      <c r="AN56" s="176" t="str">
        <f>IF(AN55="","",VLOOKUP(AN55,'シフト記号表（勤務時間帯）'!$C$6:$K$35,9,FALSE))</f>
        <v/>
      </c>
      <c r="AO56" s="177" t="str">
        <f>IF(AO55="","",VLOOKUP(AO55,'シフト記号表（勤務時間帯）'!$C$6:$K$35,9,FALSE))</f>
        <v/>
      </c>
      <c r="AP56" s="177" t="str">
        <f>IF(AP55="","",VLOOKUP(AP55,'シフト記号表（勤務時間帯）'!$C$6:$K$35,9,FALSE))</f>
        <v/>
      </c>
      <c r="AQ56" s="177" t="str">
        <f>IF(AQ55="","",VLOOKUP(AQ55,'シフト記号表（勤務時間帯）'!$C$6:$K$35,9,FALSE))</f>
        <v/>
      </c>
      <c r="AR56" s="177" t="str">
        <f>IF(AR55="","",VLOOKUP(AR55,'シフト記号表（勤務時間帯）'!$C$6:$K$35,9,FALSE))</f>
        <v/>
      </c>
      <c r="AS56" s="177" t="str">
        <f>IF(AS55="","",VLOOKUP(AS55,'シフト記号表（勤務時間帯）'!$C$6:$K$35,9,FALSE))</f>
        <v/>
      </c>
      <c r="AT56" s="178" t="str">
        <f>IF(AT55="","",VLOOKUP(AT55,'シフト記号表（勤務時間帯）'!$C$6:$K$35,9,FALSE))</f>
        <v/>
      </c>
      <c r="AU56" s="176" t="str">
        <f>IF(AU55="","",VLOOKUP(AU55,'シフト記号表（勤務時間帯）'!$C$6:$K$35,9,FALSE))</f>
        <v/>
      </c>
      <c r="AV56" s="177" t="str">
        <f>IF(AV55="","",VLOOKUP(AV55,'シフト記号表（勤務時間帯）'!$C$6:$K$35,9,FALSE))</f>
        <v/>
      </c>
      <c r="AW56" s="177" t="str">
        <f>IF(AW55="","",VLOOKUP(AW55,'シフト記号表（勤務時間帯）'!$C$6:$K$35,9,FALSE))</f>
        <v/>
      </c>
      <c r="AX56" s="552">
        <f>IF($BB$3="４週",SUM(S56:AT56),IF($BB$3="暦月",SUM(S56:AW56),""))</f>
        <v>0</v>
      </c>
      <c r="AY56" s="553"/>
      <c r="AZ56" s="554">
        <f>IF($BB$3="４週",AX56/4,IF($BB$3="暦月",通所型サービス!AX56/(通所型サービス!$BB$8/7),""))</f>
        <v>0</v>
      </c>
      <c r="BA56" s="555"/>
      <c r="BB56" s="602"/>
      <c r="BC56" s="504"/>
      <c r="BD56" s="504"/>
      <c r="BE56" s="504"/>
      <c r="BF56" s="505"/>
    </row>
    <row r="57" spans="2:58" ht="20.25" customHeight="1" x14ac:dyDescent="0.4">
      <c r="B57" s="483"/>
      <c r="C57" s="569"/>
      <c r="D57" s="570"/>
      <c r="E57" s="571"/>
      <c r="F57" s="175">
        <f>C55</f>
        <v>0</v>
      </c>
      <c r="G57" s="573"/>
      <c r="H57" s="497"/>
      <c r="I57" s="498"/>
      <c r="J57" s="498"/>
      <c r="K57" s="499"/>
      <c r="L57" s="577"/>
      <c r="M57" s="578"/>
      <c r="N57" s="578"/>
      <c r="O57" s="579"/>
      <c r="P57" s="556" t="s">
        <v>196</v>
      </c>
      <c r="Q57" s="557"/>
      <c r="R57" s="558"/>
      <c r="S57" s="180" t="str">
        <f>IF(S55="","",VLOOKUP(S55,'シフト記号表（勤務時間帯）'!$C$6:$U$35,19,FALSE))</f>
        <v/>
      </c>
      <c r="T57" s="181" t="str">
        <f>IF(T55="","",VLOOKUP(T55,'シフト記号表（勤務時間帯）'!$C$6:$U$35,19,FALSE))</f>
        <v/>
      </c>
      <c r="U57" s="181" t="str">
        <f>IF(U55="","",VLOOKUP(U55,'シフト記号表（勤務時間帯）'!$C$6:$U$35,19,FALSE))</f>
        <v/>
      </c>
      <c r="V57" s="181" t="str">
        <f>IF(V55="","",VLOOKUP(V55,'シフト記号表（勤務時間帯）'!$C$6:$U$35,19,FALSE))</f>
        <v/>
      </c>
      <c r="W57" s="181" t="str">
        <f>IF(W55="","",VLOOKUP(W55,'シフト記号表（勤務時間帯）'!$C$6:$U$35,19,FALSE))</f>
        <v/>
      </c>
      <c r="X57" s="181" t="str">
        <f>IF(X55="","",VLOOKUP(X55,'シフト記号表（勤務時間帯）'!$C$6:$U$35,19,FALSE))</f>
        <v/>
      </c>
      <c r="Y57" s="182" t="str">
        <f>IF(Y55="","",VLOOKUP(Y55,'シフト記号表（勤務時間帯）'!$C$6:$U$35,19,FALSE))</f>
        <v/>
      </c>
      <c r="Z57" s="180" t="str">
        <f>IF(Z55="","",VLOOKUP(Z55,'シフト記号表（勤務時間帯）'!$C$6:$U$35,19,FALSE))</f>
        <v/>
      </c>
      <c r="AA57" s="181" t="str">
        <f>IF(AA55="","",VLOOKUP(AA55,'シフト記号表（勤務時間帯）'!$C$6:$U$35,19,FALSE))</f>
        <v/>
      </c>
      <c r="AB57" s="181" t="str">
        <f>IF(AB55="","",VLOOKUP(AB55,'シフト記号表（勤務時間帯）'!$C$6:$U$35,19,FALSE))</f>
        <v/>
      </c>
      <c r="AC57" s="181" t="str">
        <f>IF(AC55="","",VLOOKUP(AC55,'シフト記号表（勤務時間帯）'!$C$6:$U$35,19,FALSE))</f>
        <v/>
      </c>
      <c r="AD57" s="181" t="str">
        <f>IF(AD55="","",VLOOKUP(AD55,'シフト記号表（勤務時間帯）'!$C$6:$U$35,19,FALSE))</f>
        <v/>
      </c>
      <c r="AE57" s="181" t="str">
        <f>IF(AE55="","",VLOOKUP(AE55,'シフト記号表（勤務時間帯）'!$C$6:$U$35,19,FALSE))</f>
        <v/>
      </c>
      <c r="AF57" s="182" t="str">
        <f>IF(AF55="","",VLOOKUP(AF55,'シフト記号表（勤務時間帯）'!$C$6:$U$35,19,FALSE))</f>
        <v/>
      </c>
      <c r="AG57" s="180" t="str">
        <f>IF(AG55="","",VLOOKUP(AG55,'シフト記号表（勤務時間帯）'!$C$6:$U$35,19,FALSE))</f>
        <v/>
      </c>
      <c r="AH57" s="181" t="str">
        <f>IF(AH55="","",VLOOKUP(AH55,'シフト記号表（勤務時間帯）'!$C$6:$U$35,19,FALSE))</f>
        <v/>
      </c>
      <c r="AI57" s="181" t="str">
        <f>IF(AI55="","",VLOOKUP(AI55,'シフト記号表（勤務時間帯）'!$C$6:$U$35,19,FALSE))</f>
        <v/>
      </c>
      <c r="AJ57" s="181" t="str">
        <f>IF(AJ55="","",VLOOKUP(AJ55,'シフト記号表（勤務時間帯）'!$C$6:$U$35,19,FALSE))</f>
        <v/>
      </c>
      <c r="AK57" s="181" t="str">
        <f>IF(AK55="","",VLOOKUP(AK55,'シフト記号表（勤務時間帯）'!$C$6:$U$35,19,FALSE))</f>
        <v/>
      </c>
      <c r="AL57" s="181" t="str">
        <f>IF(AL55="","",VLOOKUP(AL55,'シフト記号表（勤務時間帯）'!$C$6:$U$35,19,FALSE))</f>
        <v/>
      </c>
      <c r="AM57" s="182" t="str">
        <f>IF(AM55="","",VLOOKUP(AM55,'シフト記号表（勤務時間帯）'!$C$6:$U$35,19,FALSE))</f>
        <v/>
      </c>
      <c r="AN57" s="180" t="str">
        <f>IF(AN55="","",VLOOKUP(AN55,'シフト記号表（勤務時間帯）'!$C$6:$U$35,19,FALSE))</f>
        <v/>
      </c>
      <c r="AO57" s="181" t="str">
        <f>IF(AO55="","",VLOOKUP(AO55,'シフト記号表（勤務時間帯）'!$C$6:$U$35,19,FALSE))</f>
        <v/>
      </c>
      <c r="AP57" s="181" t="str">
        <f>IF(AP55="","",VLOOKUP(AP55,'シフト記号表（勤務時間帯）'!$C$6:$U$35,19,FALSE))</f>
        <v/>
      </c>
      <c r="AQ57" s="181" t="str">
        <f>IF(AQ55="","",VLOOKUP(AQ55,'シフト記号表（勤務時間帯）'!$C$6:$U$35,19,FALSE))</f>
        <v/>
      </c>
      <c r="AR57" s="181" t="str">
        <f>IF(AR55="","",VLOOKUP(AR55,'シフト記号表（勤務時間帯）'!$C$6:$U$35,19,FALSE))</f>
        <v/>
      </c>
      <c r="AS57" s="181" t="str">
        <f>IF(AS55="","",VLOOKUP(AS55,'シフト記号表（勤務時間帯）'!$C$6:$U$35,19,FALSE))</f>
        <v/>
      </c>
      <c r="AT57" s="182" t="str">
        <f>IF(AT55="","",VLOOKUP(AT55,'シフト記号表（勤務時間帯）'!$C$6:$U$35,19,FALSE))</f>
        <v/>
      </c>
      <c r="AU57" s="180" t="str">
        <f>IF(AU55="","",VLOOKUP(AU55,'シフト記号表（勤務時間帯）'!$C$6:$U$35,19,FALSE))</f>
        <v/>
      </c>
      <c r="AV57" s="181" t="str">
        <f>IF(AV55="","",VLOOKUP(AV55,'シフト記号表（勤務時間帯）'!$C$6:$U$35,19,FALSE))</f>
        <v/>
      </c>
      <c r="AW57" s="181" t="str">
        <f>IF(AW55="","",VLOOKUP(AW55,'シフト記号表（勤務時間帯）'!$C$6:$U$35,19,FALSE))</f>
        <v/>
      </c>
      <c r="AX57" s="559">
        <f>IF($BB$3="４週",SUM(S57:AT57),IF($BB$3="暦月",SUM(S57:AW57),""))</f>
        <v>0</v>
      </c>
      <c r="AY57" s="560"/>
      <c r="AZ57" s="561">
        <f>IF($BB$3="４週",AX57/4,IF($BB$3="暦月",通所型サービス!AX57/(通所型サービス!$BB$8/7),""))</f>
        <v>0</v>
      </c>
      <c r="BA57" s="562"/>
      <c r="BB57" s="603"/>
      <c r="BC57" s="578"/>
      <c r="BD57" s="578"/>
      <c r="BE57" s="578"/>
      <c r="BF57" s="579"/>
    </row>
    <row r="58" spans="2:58" ht="20.25" customHeight="1" x14ac:dyDescent="0.4">
      <c r="B58" s="483">
        <f>B55+1</f>
        <v>13</v>
      </c>
      <c r="C58" s="563"/>
      <c r="D58" s="564"/>
      <c r="E58" s="565"/>
      <c r="F58" s="183"/>
      <c r="G58" s="572"/>
      <c r="H58" s="330"/>
      <c r="I58" s="498"/>
      <c r="J58" s="498"/>
      <c r="K58" s="499"/>
      <c r="L58" s="574"/>
      <c r="M58" s="575"/>
      <c r="N58" s="575"/>
      <c r="O58" s="576"/>
      <c r="P58" s="580" t="s">
        <v>194</v>
      </c>
      <c r="Q58" s="581"/>
      <c r="R58" s="582"/>
      <c r="S58" s="172"/>
      <c r="T58" s="173"/>
      <c r="U58" s="173"/>
      <c r="V58" s="173"/>
      <c r="W58" s="173"/>
      <c r="X58" s="173"/>
      <c r="Y58" s="174"/>
      <c r="Z58" s="172"/>
      <c r="AA58" s="173"/>
      <c r="AB58" s="173"/>
      <c r="AC58" s="173"/>
      <c r="AD58" s="173"/>
      <c r="AE58" s="173"/>
      <c r="AF58" s="174"/>
      <c r="AG58" s="172"/>
      <c r="AH58" s="173"/>
      <c r="AI58" s="173"/>
      <c r="AJ58" s="173"/>
      <c r="AK58" s="173"/>
      <c r="AL58" s="173"/>
      <c r="AM58" s="174"/>
      <c r="AN58" s="172"/>
      <c r="AO58" s="173"/>
      <c r="AP58" s="173"/>
      <c r="AQ58" s="173"/>
      <c r="AR58" s="173"/>
      <c r="AS58" s="173"/>
      <c r="AT58" s="174"/>
      <c r="AU58" s="172"/>
      <c r="AV58" s="173"/>
      <c r="AW58" s="173"/>
      <c r="AX58" s="583"/>
      <c r="AY58" s="584"/>
      <c r="AZ58" s="585"/>
      <c r="BA58" s="586"/>
      <c r="BB58" s="601"/>
      <c r="BC58" s="575"/>
      <c r="BD58" s="575"/>
      <c r="BE58" s="575"/>
      <c r="BF58" s="576"/>
    </row>
    <row r="59" spans="2:58" ht="20.25" customHeight="1" x14ac:dyDescent="0.4">
      <c r="B59" s="483"/>
      <c r="C59" s="566"/>
      <c r="D59" s="567"/>
      <c r="E59" s="568"/>
      <c r="F59" s="175"/>
      <c r="G59" s="494"/>
      <c r="H59" s="497"/>
      <c r="I59" s="498"/>
      <c r="J59" s="498"/>
      <c r="K59" s="499"/>
      <c r="L59" s="503"/>
      <c r="M59" s="504"/>
      <c r="N59" s="504"/>
      <c r="O59" s="505"/>
      <c r="P59" s="549" t="s">
        <v>195</v>
      </c>
      <c r="Q59" s="550"/>
      <c r="R59" s="551"/>
      <c r="S59" s="176" t="str">
        <f>IF(S58="","",VLOOKUP(S58,'シフト記号表（勤務時間帯）'!$C$6:$K$35,9,FALSE))</f>
        <v/>
      </c>
      <c r="T59" s="177" t="str">
        <f>IF(T58="","",VLOOKUP(T58,'シフト記号表（勤務時間帯）'!$C$6:$K$35,9,FALSE))</f>
        <v/>
      </c>
      <c r="U59" s="177" t="str">
        <f>IF(U58="","",VLOOKUP(U58,'シフト記号表（勤務時間帯）'!$C$6:$K$35,9,FALSE))</f>
        <v/>
      </c>
      <c r="V59" s="177" t="str">
        <f>IF(V58="","",VLOOKUP(V58,'シフト記号表（勤務時間帯）'!$C$6:$K$35,9,FALSE))</f>
        <v/>
      </c>
      <c r="W59" s="177" t="str">
        <f>IF(W58="","",VLOOKUP(W58,'シフト記号表（勤務時間帯）'!$C$6:$K$35,9,FALSE))</f>
        <v/>
      </c>
      <c r="X59" s="177" t="str">
        <f>IF(X58="","",VLOOKUP(X58,'シフト記号表（勤務時間帯）'!$C$6:$K$35,9,FALSE))</f>
        <v/>
      </c>
      <c r="Y59" s="178" t="str">
        <f>IF(Y58="","",VLOOKUP(Y58,'シフト記号表（勤務時間帯）'!$C$6:$K$35,9,FALSE))</f>
        <v/>
      </c>
      <c r="Z59" s="176" t="str">
        <f>IF(Z58="","",VLOOKUP(Z58,'シフト記号表（勤務時間帯）'!$C$6:$K$35,9,FALSE))</f>
        <v/>
      </c>
      <c r="AA59" s="177" t="str">
        <f>IF(AA58="","",VLOOKUP(AA58,'シフト記号表（勤務時間帯）'!$C$6:$K$35,9,FALSE))</f>
        <v/>
      </c>
      <c r="AB59" s="177" t="str">
        <f>IF(AB58="","",VLOOKUP(AB58,'シフト記号表（勤務時間帯）'!$C$6:$K$35,9,FALSE))</f>
        <v/>
      </c>
      <c r="AC59" s="177" t="str">
        <f>IF(AC58="","",VLOOKUP(AC58,'シフト記号表（勤務時間帯）'!$C$6:$K$35,9,FALSE))</f>
        <v/>
      </c>
      <c r="AD59" s="177" t="str">
        <f>IF(AD58="","",VLOOKUP(AD58,'シフト記号表（勤務時間帯）'!$C$6:$K$35,9,FALSE))</f>
        <v/>
      </c>
      <c r="AE59" s="177" t="str">
        <f>IF(AE58="","",VLOOKUP(AE58,'シフト記号表（勤務時間帯）'!$C$6:$K$35,9,FALSE))</f>
        <v/>
      </c>
      <c r="AF59" s="178" t="str">
        <f>IF(AF58="","",VLOOKUP(AF58,'シフト記号表（勤務時間帯）'!$C$6:$K$35,9,FALSE))</f>
        <v/>
      </c>
      <c r="AG59" s="176" t="str">
        <f>IF(AG58="","",VLOOKUP(AG58,'シフト記号表（勤務時間帯）'!$C$6:$K$35,9,FALSE))</f>
        <v/>
      </c>
      <c r="AH59" s="177" t="str">
        <f>IF(AH58="","",VLOOKUP(AH58,'シフト記号表（勤務時間帯）'!$C$6:$K$35,9,FALSE))</f>
        <v/>
      </c>
      <c r="AI59" s="177" t="str">
        <f>IF(AI58="","",VLOOKUP(AI58,'シフト記号表（勤務時間帯）'!$C$6:$K$35,9,FALSE))</f>
        <v/>
      </c>
      <c r="AJ59" s="177" t="str">
        <f>IF(AJ58="","",VLOOKUP(AJ58,'シフト記号表（勤務時間帯）'!$C$6:$K$35,9,FALSE))</f>
        <v/>
      </c>
      <c r="AK59" s="177" t="str">
        <f>IF(AK58="","",VLOOKUP(AK58,'シフト記号表（勤務時間帯）'!$C$6:$K$35,9,FALSE))</f>
        <v/>
      </c>
      <c r="AL59" s="177" t="str">
        <f>IF(AL58="","",VLOOKUP(AL58,'シフト記号表（勤務時間帯）'!$C$6:$K$35,9,FALSE))</f>
        <v/>
      </c>
      <c r="AM59" s="178" t="str">
        <f>IF(AM58="","",VLOOKUP(AM58,'シフト記号表（勤務時間帯）'!$C$6:$K$35,9,FALSE))</f>
        <v/>
      </c>
      <c r="AN59" s="176" t="str">
        <f>IF(AN58="","",VLOOKUP(AN58,'シフト記号表（勤務時間帯）'!$C$6:$K$35,9,FALSE))</f>
        <v/>
      </c>
      <c r="AO59" s="177" t="str">
        <f>IF(AO58="","",VLOOKUP(AO58,'シフト記号表（勤務時間帯）'!$C$6:$K$35,9,FALSE))</f>
        <v/>
      </c>
      <c r="AP59" s="177" t="str">
        <f>IF(AP58="","",VLOOKUP(AP58,'シフト記号表（勤務時間帯）'!$C$6:$K$35,9,FALSE))</f>
        <v/>
      </c>
      <c r="AQ59" s="177" t="str">
        <f>IF(AQ58="","",VLOOKUP(AQ58,'シフト記号表（勤務時間帯）'!$C$6:$K$35,9,FALSE))</f>
        <v/>
      </c>
      <c r="AR59" s="177" t="str">
        <f>IF(AR58="","",VLOOKUP(AR58,'シフト記号表（勤務時間帯）'!$C$6:$K$35,9,FALSE))</f>
        <v/>
      </c>
      <c r="AS59" s="177" t="str">
        <f>IF(AS58="","",VLOOKUP(AS58,'シフト記号表（勤務時間帯）'!$C$6:$K$35,9,FALSE))</f>
        <v/>
      </c>
      <c r="AT59" s="178" t="str">
        <f>IF(AT58="","",VLOOKUP(AT58,'シフト記号表（勤務時間帯）'!$C$6:$K$35,9,FALSE))</f>
        <v/>
      </c>
      <c r="AU59" s="176" t="str">
        <f>IF(AU58="","",VLOOKUP(AU58,'シフト記号表（勤務時間帯）'!$C$6:$K$35,9,FALSE))</f>
        <v/>
      </c>
      <c r="AV59" s="177" t="str">
        <f>IF(AV58="","",VLOOKUP(AV58,'シフト記号表（勤務時間帯）'!$C$6:$K$35,9,FALSE))</f>
        <v/>
      </c>
      <c r="AW59" s="177" t="str">
        <f>IF(AW58="","",VLOOKUP(AW58,'シフト記号表（勤務時間帯）'!$C$6:$K$35,9,FALSE))</f>
        <v/>
      </c>
      <c r="AX59" s="552">
        <f>IF($BB$3="４週",SUM(S59:AT59),IF($BB$3="暦月",SUM(S59:AW59),""))</f>
        <v>0</v>
      </c>
      <c r="AY59" s="553"/>
      <c r="AZ59" s="554">
        <f>IF($BB$3="４週",AX59/4,IF($BB$3="暦月",通所型サービス!AX59/(通所型サービス!$BB$8/7),""))</f>
        <v>0</v>
      </c>
      <c r="BA59" s="555"/>
      <c r="BB59" s="602"/>
      <c r="BC59" s="504"/>
      <c r="BD59" s="504"/>
      <c r="BE59" s="504"/>
      <c r="BF59" s="505"/>
    </row>
    <row r="60" spans="2:58" ht="20.25" customHeight="1" thickBot="1" x14ac:dyDescent="0.45">
      <c r="B60" s="593"/>
      <c r="C60" s="569"/>
      <c r="D60" s="570"/>
      <c r="E60" s="571"/>
      <c r="F60" s="184">
        <f>C58</f>
        <v>0</v>
      </c>
      <c r="G60" s="594"/>
      <c r="H60" s="595"/>
      <c r="I60" s="596"/>
      <c r="J60" s="596"/>
      <c r="K60" s="597"/>
      <c r="L60" s="598"/>
      <c r="M60" s="599"/>
      <c r="N60" s="599"/>
      <c r="O60" s="600"/>
      <c r="P60" s="631" t="s">
        <v>196</v>
      </c>
      <c r="Q60" s="632"/>
      <c r="R60" s="633"/>
      <c r="S60" s="180" t="str">
        <f>IF(S58="","",VLOOKUP(S58,'シフト記号表（勤務時間帯）'!$C$6:$U$35,19,FALSE))</f>
        <v/>
      </c>
      <c r="T60" s="181" t="str">
        <f>IF(T58="","",VLOOKUP(T58,'シフト記号表（勤務時間帯）'!$C$6:$U$35,19,FALSE))</f>
        <v/>
      </c>
      <c r="U60" s="181" t="str">
        <f>IF(U58="","",VLOOKUP(U58,'シフト記号表（勤務時間帯）'!$C$6:$U$35,19,FALSE))</f>
        <v/>
      </c>
      <c r="V60" s="181" t="str">
        <f>IF(V58="","",VLOOKUP(V58,'シフト記号表（勤務時間帯）'!$C$6:$U$35,19,FALSE))</f>
        <v/>
      </c>
      <c r="W60" s="181" t="str">
        <f>IF(W58="","",VLOOKUP(W58,'シフト記号表（勤務時間帯）'!$C$6:$U$35,19,FALSE))</f>
        <v/>
      </c>
      <c r="X60" s="181" t="str">
        <f>IF(X58="","",VLOOKUP(X58,'シフト記号表（勤務時間帯）'!$C$6:$U$35,19,FALSE))</f>
        <v/>
      </c>
      <c r="Y60" s="182" t="str">
        <f>IF(Y58="","",VLOOKUP(Y58,'シフト記号表（勤務時間帯）'!$C$6:$U$35,19,FALSE))</f>
        <v/>
      </c>
      <c r="Z60" s="180" t="str">
        <f>IF(Z58="","",VLOOKUP(Z58,'シフト記号表（勤務時間帯）'!$C$6:$U$35,19,FALSE))</f>
        <v/>
      </c>
      <c r="AA60" s="181" t="str">
        <f>IF(AA58="","",VLOOKUP(AA58,'シフト記号表（勤務時間帯）'!$C$6:$U$35,19,FALSE))</f>
        <v/>
      </c>
      <c r="AB60" s="181" t="str">
        <f>IF(AB58="","",VLOOKUP(AB58,'シフト記号表（勤務時間帯）'!$C$6:$U$35,19,FALSE))</f>
        <v/>
      </c>
      <c r="AC60" s="181" t="str">
        <f>IF(AC58="","",VLOOKUP(AC58,'シフト記号表（勤務時間帯）'!$C$6:$U$35,19,FALSE))</f>
        <v/>
      </c>
      <c r="AD60" s="181" t="str">
        <f>IF(AD58="","",VLOOKUP(AD58,'シフト記号表（勤務時間帯）'!$C$6:$U$35,19,FALSE))</f>
        <v/>
      </c>
      <c r="AE60" s="181" t="str">
        <f>IF(AE58="","",VLOOKUP(AE58,'シフト記号表（勤務時間帯）'!$C$6:$U$35,19,FALSE))</f>
        <v/>
      </c>
      <c r="AF60" s="182" t="str">
        <f>IF(AF58="","",VLOOKUP(AF58,'シフト記号表（勤務時間帯）'!$C$6:$U$35,19,FALSE))</f>
        <v/>
      </c>
      <c r="AG60" s="180" t="str">
        <f>IF(AG58="","",VLOOKUP(AG58,'シフト記号表（勤務時間帯）'!$C$6:$U$35,19,FALSE))</f>
        <v/>
      </c>
      <c r="AH60" s="181" t="str">
        <f>IF(AH58="","",VLOOKUP(AH58,'シフト記号表（勤務時間帯）'!$C$6:$U$35,19,FALSE))</f>
        <v/>
      </c>
      <c r="AI60" s="181" t="str">
        <f>IF(AI58="","",VLOOKUP(AI58,'シフト記号表（勤務時間帯）'!$C$6:$U$35,19,FALSE))</f>
        <v/>
      </c>
      <c r="AJ60" s="181" t="str">
        <f>IF(AJ58="","",VLOOKUP(AJ58,'シフト記号表（勤務時間帯）'!$C$6:$U$35,19,FALSE))</f>
        <v/>
      </c>
      <c r="AK60" s="181" t="str">
        <f>IF(AK58="","",VLOOKUP(AK58,'シフト記号表（勤務時間帯）'!$C$6:$U$35,19,FALSE))</f>
        <v/>
      </c>
      <c r="AL60" s="181" t="str">
        <f>IF(AL58="","",VLOOKUP(AL58,'シフト記号表（勤務時間帯）'!$C$6:$U$35,19,FALSE))</f>
        <v/>
      </c>
      <c r="AM60" s="182" t="str">
        <f>IF(AM58="","",VLOOKUP(AM58,'シフト記号表（勤務時間帯）'!$C$6:$U$35,19,FALSE))</f>
        <v/>
      </c>
      <c r="AN60" s="180" t="str">
        <f>IF(AN58="","",VLOOKUP(AN58,'シフト記号表（勤務時間帯）'!$C$6:$U$35,19,FALSE))</f>
        <v/>
      </c>
      <c r="AO60" s="181" t="str">
        <f>IF(AO58="","",VLOOKUP(AO58,'シフト記号表（勤務時間帯）'!$C$6:$U$35,19,FALSE))</f>
        <v/>
      </c>
      <c r="AP60" s="181" t="str">
        <f>IF(AP58="","",VLOOKUP(AP58,'シフト記号表（勤務時間帯）'!$C$6:$U$35,19,FALSE))</f>
        <v/>
      </c>
      <c r="AQ60" s="181" t="str">
        <f>IF(AQ58="","",VLOOKUP(AQ58,'シフト記号表（勤務時間帯）'!$C$6:$U$35,19,FALSE))</f>
        <v/>
      </c>
      <c r="AR60" s="181" t="str">
        <f>IF(AR58="","",VLOOKUP(AR58,'シフト記号表（勤務時間帯）'!$C$6:$U$35,19,FALSE))</f>
        <v/>
      </c>
      <c r="AS60" s="181" t="str">
        <f>IF(AS58="","",VLOOKUP(AS58,'シフト記号表（勤務時間帯）'!$C$6:$U$35,19,FALSE))</f>
        <v/>
      </c>
      <c r="AT60" s="182" t="str">
        <f>IF(AT58="","",VLOOKUP(AT58,'シフト記号表（勤務時間帯）'!$C$6:$U$35,19,FALSE))</f>
        <v/>
      </c>
      <c r="AU60" s="180" t="str">
        <f>IF(AU58="","",VLOOKUP(AU58,'シフト記号表（勤務時間帯）'!$C$6:$U$35,19,FALSE))</f>
        <v/>
      </c>
      <c r="AV60" s="181" t="str">
        <f>IF(AV58="","",VLOOKUP(AV58,'シフト記号表（勤務時間帯）'!$C$6:$U$35,19,FALSE))</f>
        <v/>
      </c>
      <c r="AW60" s="181" t="str">
        <f>IF(AW58="","",VLOOKUP(AW58,'シフト記号表（勤務時間帯）'!$C$6:$U$35,19,FALSE))</f>
        <v/>
      </c>
      <c r="AX60" s="559">
        <f>IF($BB$3="４週",SUM(S60:AT60),IF($BB$3="暦月",SUM(S60:AW60),""))</f>
        <v>0</v>
      </c>
      <c r="AY60" s="560"/>
      <c r="AZ60" s="561">
        <f>IF($BB$3="４週",AX60/4,IF($BB$3="暦月",通所型サービス!AX60/(通所型サービス!$BB$8/7),""))</f>
        <v>0</v>
      </c>
      <c r="BA60" s="562"/>
      <c r="BB60" s="630"/>
      <c r="BC60" s="599"/>
      <c r="BD60" s="599"/>
      <c r="BE60" s="599"/>
      <c r="BF60" s="600"/>
    </row>
    <row r="61" spans="2:58" s="153" customFormat="1" ht="6" customHeight="1" thickBot="1" x14ac:dyDescent="0.45">
      <c r="B61" s="185"/>
      <c r="C61" s="186"/>
      <c r="D61" s="186"/>
      <c r="E61" s="186"/>
      <c r="F61" s="187"/>
      <c r="G61" s="187"/>
      <c r="H61" s="188"/>
      <c r="I61" s="188"/>
      <c r="J61" s="188"/>
      <c r="K61" s="188"/>
      <c r="L61" s="187"/>
      <c r="M61" s="187"/>
      <c r="N61" s="187"/>
      <c r="O61" s="187"/>
      <c r="P61" s="189"/>
      <c r="Q61" s="189"/>
      <c r="R61" s="189"/>
      <c r="S61" s="188"/>
      <c r="T61" s="188"/>
      <c r="U61" s="188"/>
      <c r="V61" s="188"/>
      <c r="W61" s="188"/>
      <c r="X61" s="188"/>
      <c r="Y61" s="188"/>
      <c r="Z61" s="188"/>
      <c r="AA61" s="188"/>
      <c r="AB61" s="188"/>
      <c r="AC61" s="188"/>
      <c r="AD61" s="188"/>
      <c r="AE61" s="188"/>
      <c r="AF61" s="188"/>
      <c r="AG61" s="188"/>
      <c r="AH61" s="188"/>
      <c r="AI61" s="188"/>
      <c r="AJ61" s="188"/>
      <c r="AK61" s="188"/>
      <c r="AL61" s="188"/>
      <c r="AM61" s="188"/>
      <c r="AN61" s="188"/>
      <c r="AO61" s="188"/>
      <c r="AP61" s="188"/>
      <c r="AQ61" s="188"/>
      <c r="AR61" s="188"/>
      <c r="AS61" s="188"/>
      <c r="AT61" s="188"/>
      <c r="AU61" s="188"/>
      <c r="AV61" s="188"/>
      <c r="AW61" s="188"/>
      <c r="AX61" s="190"/>
      <c r="AY61" s="190"/>
      <c r="AZ61" s="190"/>
      <c r="BA61" s="190"/>
      <c r="BB61" s="187"/>
      <c r="BC61" s="187"/>
      <c r="BD61" s="187"/>
      <c r="BE61" s="187"/>
      <c r="BF61" s="191"/>
    </row>
    <row r="62" spans="2:58" ht="20.100000000000001" customHeight="1" x14ac:dyDescent="0.4">
      <c r="B62" s="192"/>
      <c r="C62" s="193"/>
      <c r="D62" s="193"/>
      <c r="E62" s="193"/>
      <c r="F62" s="193"/>
      <c r="G62" s="642" t="s">
        <v>197</v>
      </c>
      <c r="H62" s="642"/>
      <c r="I62" s="642"/>
      <c r="J62" s="642"/>
      <c r="K62" s="642"/>
      <c r="L62" s="642"/>
      <c r="M62" s="642"/>
      <c r="N62" s="642"/>
      <c r="O62" s="642"/>
      <c r="P62" s="642"/>
      <c r="Q62" s="642"/>
      <c r="R62" s="643"/>
      <c r="S62" s="194" t="str">
        <f>IF(SUMIF($F$22:$F$60, "生活相談員", S22:S60)=0,"",SUMIF($F$22:$F$60,"生活相談員",S22:S60))</f>
        <v/>
      </c>
      <c r="T62" s="195" t="str">
        <f t="shared" ref="T62:AW62" si="1">IF(SUMIF($F$22:$F$60, "生活相談員", T22:T60)=0,"",SUMIF($F$22:$F$60,"生活相談員",T22:T60))</f>
        <v/>
      </c>
      <c r="U62" s="195" t="str">
        <f t="shared" si="1"/>
        <v/>
      </c>
      <c r="V62" s="195" t="str">
        <f t="shared" si="1"/>
        <v/>
      </c>
      <c r="W62" s="195" t="str">
        <f t="shared" si="1"/>
        <v/>
      </c>
      <c r="X62" s="195" t="str">
        <f t="shared" si="1"/>
        <v/>
      </c>
      <c r="Y62" s="196" t="str">
        <f t="shared" si="1"/>
        <v/>
      </c>
      <c r="Z62" s="194" t="str">
        <f t="shared" si="1"/>
        <v/>
      </c>
      <c r="AA62" s="195" t="str">
        <f t="shared" si="1"/>
        <v/>
      </c>
      <c r="AB62" s="195" t="str">
        <f t="shared" si="1"/>
        <v/>
      </c>
      <c r="AC62" s="195" t="str">
        <f t="shared" si="1"/>
        <v/>
      </c>
      <c r="AD62" s="195" t="str">
        <f t="shared" si="1"/>
        <v/>
      </c>
      <c r="AE62" s="195" t="str">
        <f t="shared" si="1"/>
        <v/>
      </c>
      <c r="AF62" s="196" t="str">
        <f t="shared" si="1"/>
        <v/>
      </c>
      <c r="AG62" s="194" t="str">
        <f t="shared" si="1"/>
        <v/>
      </c>
      <c r="AH62" s="195" t="str">
        <f t="shared" si="1"/>
        <v/>
      </c>
      <c r="AI62" s="195" t="str">
        <f t="shared" si="1"/>
        <v/>
      </c>
      <c r="AJ62" s="195" t="str">
        <f t="shared" si="1"/>
        <v/>
      </c>
      <c r="AK62" s="195" t="str">
        <f t="shared" si="1"/>
        <v/>
      </c>
      <c r="AL62" s="195" t="str">
        <f t="shared" si="1"/>
        <v/>
      </c>
      <c r="AM62" s="196" t="str">
        <f t="shared" si="1"/>
        <v/>
      </c>
      <c r="AN62" s="194" t="str">
        <f t="shared" si="1"/>
        <v/>
      </c>
      <c r="AO62" s="195" t="str">
        <f t="shared" si="1"/>
        <v/>
      </c>
      <c r="AP62" s="195" t="str">
        <f t="shared" si="1"/>
        <v/>
      </c>
      <c r="AQ62" s="195" t="str">
        <f t="shared" si="1"/>
        <v/>
      </c>
      <c r="AR62" s="195" t="str">
        <f t="shared" si="1"/>
        <v/>
      </c>
      <c r="AS62" s="195" t="str">
        <f t="shared" si="1"/>
        <v/>
      </c>
      <c r="AT62" s="196" t="str">
        <f t="shared" si="1"/>
        <v/>
      </c>
      <c r="AU62" s="194" t="str">
        <f t="shared" si="1"/>
        <v/>
      </c>
      <c r="AV62" s="195" t="str">
        <f t="shared" si="1"/>
        <v/>
      </c>
      <c r="AW62" s="196" t="str">
        <f t="shared" si="1"/>
        <v/>
      </c>
      <c r="AX62" s="644" t="str">
        <f>IF(SUMIF($F$22:$F$60, "生活相談員", AX22:AY60)=0,"",SUMIF($F$22:$F$60,"生活相談員",AX22:AY60))</f>
        <v/>
      </c>
      <c r="AY62" s="645"/>
      <c r="AZ62" s="604" t="str">
        <f>IF(AX62="","",IF($BB$3="４週",AX62/4,IF($BB$3="暦月",AX62/(通所型サービス!$BB$8/7),"")))</f>
        <v/>
      </c>
      <c r="BA62" s="605"/>
      <c r="BB62" s="606"/>
      <c r="BC62" s="607"/>
      <c r="BD62" s="607"/>
      <c r="BE62" s="607"/>
      <c r="BF62" s="608"/>
    </row>
    <row r="63" spans="2:58" ht="20.25" customHeight="1" x14ac:dyDescent="0.4">
      <c r="B63" s="197"/>
      <c r="C63" s="198"/>
      <c r="D63" s="198"/>
      <c r="E63" s="198"/>
      <c r="F63" s="198"/>
      <c r="G63" s="615" t="s">
        <v>198</v>
      </c>
      <c r="H63" s="615"/>
      <c r="I63" s="615"/>
      <c r="J63" s="615"/>
      <c r="K63" s="615"/>
      <c r="L63" s="615"/>
      <c r="M63" s="615"/>
      <c r="N63" s="615"/>
      <c r="O63" s="615"/>
      <c r="P63" s="615"/>
      <c r="Q63" s="615"/>
      <c r="R63" s="616"/>
      <c r="S63" s="199" t="str">
        <f t="shared" ref="S63:AW63" si="2">IF(SUMIF($F$22:$F$60, "介護職員", S22:S60)=0,"",SUMIF($F$22:$F$60, "介護職員", S22:S60))</f>
        <v/>
      </c>
      <c r="T63" s="200" t="str">
        <f t="shared" si="2"/>
        <v/>
      </c>
      <c r="U63" s="200" t="str">
        <f t="shared" si="2"/>
        <v/>
      </c>
      <c r="V63" s="200" t="str">
        <f t="shared" si="2"/>
        <v/>
      </c>
      <c r="W63" s="200" t="str">
        <f t="shared" si="2"/>
        <v/>
      </c>
      <c r="X63" s="200" t="str">
        <f t="shared" si="2"/>
        <v/>
      </c>
      <c r="Y63" s="201" t="str">
        <f t="shared" si="2"/>
        <v/>
      </c>
      <c r="Z63" s="199" t="str">
        <f t="shared" si="2"/>
        <v/>
      </c>
      <c r="AA63" s="200" t="str">
        <f t="shared" si="2"/>
        <v/>
      </c>
      <c r="AB63" s="200" t="str">
        <f t="shared" si="2"/>
        <v/>
      </c>
      <c r="AC63" s="200" t="str">
        <f t="shared" si="2"/>
        <v/>
      </c>
      <c r="AD63" s="200" t="str">
        <f t="shared" si="2"/>
        <v/>
      </c>
      <c r="AE63" s="200" t="str">
        <f t="shared" si="2"/>
        <v/>
      </c>
      <c r="AF63" s="201" t="str">
        <f t="shared" si="2"/>
        <v/>
      </c>
      <c r="AG63" s="199" t="str">
        <f t="shared" si="2"/>
        <v/>
      </c>
      <c r="AH63" s="200" t="str">
        <f t="shared" si="2"/>
        <v/>
      </c>
      <c r="AI63" s="200" t="str">
        <f t="shared" si="2"/>
        <v/>
      </c>
      <c r="AJ63" s="200" t="str">
        <f t="shared" si="2"/>
        <v/>
      </c>
      <c r="AK63" s="200" t="str">
        <f t="shared" si="2"/>
        <v/>
      </c>
      <c r="AL63" s="200" t="str">
        <f t="shared" si="2"/>
        <v/>
      </c>
      <c r="AM63" s="201" t="str">
        <f t="shared" si="2"/>
        <v/>
      </c>
      <c r="AN63" s="199" t="str">
        <f t="shared" si="2"/>
        <v/>
      </c>
      <c r="AO63" s="200" t="str">
        <f t="shared" si="2"/>
        <v/>
      </c>
      <c r="AP63" s="200" t="str">
        <f t="shared" si="2"/>
        <v/>
      </c>
      <c r="AQ63" s="200" t="str">
        <f t="shared" si="2"/>
        <v/>
      </c>
      <c r="AR63" s="200" t="str">
        <f t="shared" si="2"/>
        <v/>
      </c>
      <c r="AS63" s="200" t="str">
        <f t="shared" si="2"/>
        <v/>
      </c>
      <c r="AT63" s="201" t="str">
        <f t="shared" si="2"/>
        <v/>
      </c>
      <c r="AU63" s="199" t="str">
        <f t="shared" si="2"/>
        <v/>
      </c>
      <c r="AV63" s="200" t="str">
        <f t="shared" si="2"/>
        <v/>
      </c>
      <c r="AW63" s="201" t="str">
        <f t="shared" si="2"/>
        <v/>
      </c>
      <c r="AX63" s="617" t="str">
        <f>IF(SUMIF($F$22:$F$60, "介護職員", AX22:AX60)=0,"",SUMIF($F$22:$F$60, "介護職員", AX22:AX60))</f>
        <v/>
      </c>
      <c r="AY63" s="618"/>
      <c r="AZ63" s="619" t="str">
        <f>IF(AX63="","",IF($BB$3="４週",AX63/4,IF($BB$3="暦月",AX63/(通所型サービス!$BB$8/7),"")))</f>
        <v/>
      </c>
      <c r="BA63" s="620"/>
      <c r="BB63" s="609"/>
      <c r="BC63" s="610"/>
      <c r="BD63" s="610"/>
      <c r="BE63" s="610"/>
      <c r="BF63" s="611"/>
    </row>
    <row r="64" spans="2:58" ht="20.25" customHeight="1" x14ac:dyDescent="0.4">
      <c r="B64" s="197"/>
      <c r="C64" s="198"/>
      <c r="D64" s="198"/>
      <c r="E64" s="198"/>
      <c r="F64" s="198"/>
      <c r="G64" s="615" t="s">
        <v>199</v>
      </c>
      <c r="H64" s="615"/>
      <c r="I64" s="615"/>
      <c r="J64" s="615"/>
      <c r="K64" s="615"/>
      <c r="L64" s="615"/>
      <c r="M64" s="615"/>
      <c r="N64" s="615"/>
      <c r="O64" s="615"/>
      <c r="P64" s="615"/>
      <c r="Q64" s="615"/>
      <c r="R64" s="616"/>
      <c r="S64" s="202"/>
      <c r="T64" s="203"/>
      <c r="U64" s="203"/>
      <c r="V64" s="203"/>
      <c r="W64" s="203"/>
      <c r="X64" s="203"/>
      <c r="Y64" s="204"/>
      <c r="Z64" s="202"/>
      <c r="AA64" s="203"/>
      <c r="AB64" s="203"/>
      <c r="AC64" s="203"/>
      <c r="AD64" s="203"/>
      <c r="AE64" s="203"/>
      <c r="AF64" s="204"/>
      <c r="AG64" s="202"/>
      <c r="AH64" s="203"/>
      <c r="AI64" s="203"/>
      <c r="AJ64" s="203"/>
      <c r="AK64" s="203"/>
      <c r="AL64" s="203"/>
      <c r="AM64" s="204"/>
      <c r="AN64" s="202"/>
      <c r="AO64" s="203"/>
      <c r="AP64" s="203"/>
      <c r="AQ64" s="203"/>
      <c r="AR64" s="203"/>
      <c r="AS64" s="203"/>
      <c r="AT64" s="204"/>
      <c r="AU64" s="202"/>
      <c r="AV64" s="203"/>
      <c r="AW64" s="204"/>
      <c r="AX64" s="621"/>
      <c r="AY64" s="622"/>
      <c r="AZ64" s="622"/>
      <c r="BA64" s="623"/>
      <c r="BB64" s="609"/>
      <c r="BC64" s="610"/>
      <c r="BD64" s="610"/>
      <c r="BE64" s="610"/>
      <c r="BF64" s="611"/>
    </row>
    <row r="65" spans="2:73" ht="20.25" customHeight="1" x14ac:dyDescent="0.4">
      <c r="B65" s="197"/>
      <c r="C65" s="198"/>
      <c r="D65" s="198"/>
      <c r="E65" s="198"/>
      <c r="F65" s="198"/>
      <c r="G65" s="615" t="s">
        <v>200</v>
      </c>
      <c r="H65" s="615"/>
      <c r="I65" s="615"/>
      <c r="J65" s="615"/>
      <c r="K65" s="615"/>
      <c r="L65" s="615"/>
      <c r="M65" s="615"/>
      <c r="N65" s="615"/>
      <c r="O65" s="615"/>
      <c r="P65" s="615"/>
      <c r="Q65" s="615"/>
      <c r="R65" s="616"/>
      <c r="S65" s="202"/>
      <c r="T65" s="203"/>
      <c r="U65" s="203"/>
      <c r="V65" s="203"/>
      <c r="W65" s="203"/>
      <c r="X65" s="203"/>
      <c r="Y65" s="204"/>
      <c r="Z65" s="202"/>
      <c r="AA65" s="203"/>
      <c r="AB65" s="203"/>
      <c r="AC65" s="203"/>
      <c r="AD65" s="203"/>
      <c r="AE65" s="203"/>
      <c r="AF65" s="204"/>
      <c r="AG65" s="202"/>
      <c r="AH65" s="203"/>
      <c r="AI65" s="203"/>
      <c r="AJ65" s="203"/>
      <c r="AK65" s="203"/>
      <c r="AL65" s="203"/>
      <c r="AM65" s="204"/>
      <c r="AN65" s="202"/>
      <c r="AO65" s="203"/>
      <c r="AP65" s="203"/>
      <c r="AQ65" s="203"/>
      <c r="AR65" s="203"/>
      <c r="AS65" s="203"/>
      <c r="AT65" s="204"/>
      <c r="AU65" s="202"/>
      <c r="AV65" s="203"/>
      <c r="AW65" s="204"/>
      <c r="AX65" s="624"/>
      <c r="AY65" s="625"/>
      <c r="AZ65" s="625"/>
      <c r="BA65" s="626"/>
      <c r="BB65" s="609"/>
      <c r="BC65" s="610"/>
      <c r="BD65" s="610"/>
      <c r="BE65" s="610"/>
      <c r="BF65" s="611"/>
    </row>
    <row r="66" spans="2:73" ht="20.25" customHeight="1" thickBot="1" x14ac:dyDescent="0.45">
      <c r="B66" s="205"/>
      <c r="C66" s="206"/>
      <c r="D66" s="206"/>
      <c r="E66" s="206"/>
      <c r="F66" s="206"/>
      <c r="G66" s="634" t="s">
        <v>201</v>
      </c>
      <c r="H66" s="634"/>
      <c r="I66" s="634"/>
      <c r="J66" s="634"/>
      <c r="K66" s="634"/>
      <c r="L66" s="634"/>
      <c r="M66" s="634"/>
      <c r="N66" s="634"/>
      <c r="O66" s="634"/>
      <c r="P66" s="634"/>
      <c r="Q66" s="634"/>
      <c r="R66" s="635"/>
      <c r="S66" s="207" t="str">
        <f>IF(S65&lt;&gt;"",IF(S64&gt;15,((S64-15)/5+1)*S65,S65),"")</f>
        <v/>
      </c>
      <c r="T66" s="208" t="str">
        <f t="shared" ref="T66:AW66" si="3">IF(T65&lt;&gt;"",IF(T64&gt;15,((T64-15)/5+1)*T65,T65),"")</f>
        <v/>
      </c>
      <c r="U66" s="208" t="str">
        <f t="shared" si="3"/>
        <v/>
      </c>
      <c r="V66" s="208" t="str">
        <f t="shared" si="3"/>
        <v/>
      </c>
      <c r="W66" s="208" t="str">
        <f t="shared" si="3"/>
        <v/>
      </c>
      <c r="X66" s="208" t="str">
        <f t="shared" si="3"/>
        <v/>
      </c>
      <c r="Y66" s="209" t="str">
        <f t="shared" si="3"/>
        <v/>
      </c>
      <c r="Z66" s="207" t="str">
        <f t="shared" si="3"/>
        <v/>
      </c>
      <c r="AA66" s="208" t="str">
        <f t="shared" si="3"/>
        <v/>
      </c>
      <c r="AB66" s="208" t="str">
        <f t="shared" si="3"/>
        <v/>
      </c>
      <c r="AC66" s="208" t="str">
        <f t="shared" si="3"/>
        <v/>
      </c>
      <c r="AD66" s="208" t="str">
        <f t="shared" si="3"/>
        <v/>
      </c>
      <c r="AE66" s="208" t="str">
        <f t="shared" si="3"/>
        <v/>
      </c>
      <c r="AF66" s="209" t="str">
        <f t="shared" si="3"/>
        <v/>
      </c>
      <c r="AG66" s="207" t="str">
        <f t="shared" si="3"/>
        <v/>
      </c>
      <c r="AH66" s="208" t="str">
        <f t="shared" si="3"/>
        <v/>
      </c>
      <c r="AI66" s="208" t="str">
        <f t="shared" si="3"/>
        <v/>
      </c>
      <c r="AJ66" s="208" t="str">
        <f t="shared" si="3"/>
        <v/>
      </c>
      <c r="AK66" s="208" t="str">
        <f t="shared" si="3"/>
        <v/>
      </c>
      <c r="AL66" s="208" t="str">
        <f t="shared" si="3"/>
        <v/>
      </c>
      <c r="AM66" s="209" t="str">
        <f t="shared" si="3"/>
        <v/>
      </c>
      <c r="AN66" s="207" t="str">
        <f t="shared" si="3"/>
        <v/>
      </c>
      <c r="AO66" s="208" t="str">
        <f t="shared" si="3"/>
        <v/>
      </c>
      <c r="AP66" s="208" t="str">
        <f t="shared" si="3"/>
        <v/>
      </c>
      <c r="AQ66" s="208" t="str">
        <f t="shared" si="3"/>
        <v/>
      </c>
      <c r="AR66" s="208" t="str">
        <f t="shared" si="3"/>
        <v/>
      </c>
      <c r="AS66" s="208" t="str">
        <f t="shared" si="3"/>
        <v/>
      </c>
      <c r="AT66" s="209" t="str">
        <f t="shared" si="3"/>
        <v/>
      </c>
      <c r="AU66" s="199" t="str">
        <f t="shared" si="3"/>
        <v/>
      </c>
      <c r="AV66" s="200" t="str">
        <f t="shared" si="3"/>
        <v/>
      </c>
      <c r="AW66" s="201" t="str">
        <f t="shared" si="3"/>
        <v/>
      </c>
      <c r="AX66" s="624"/>
      <c r="AY66" s="625"/>
      <c r="AZ66" s="625"/>
      <c r="BA66" s="626"/>
      <c r="BB66" s="609"/>
      <c r="BC66" s="610"/>
      <c r="BD66" s="610"/>
      <c r="BE66" s="610"/>
      <c r="BF66" s="611"/>
    </row>
    <row r="67" spans="2:73" ht="18.75" customHeight="1" x14ac:dyDescent="0.4">
      <c r="B67" s="524" t="s">
        <v>202</v>
      </c>
      <c r="C67" s="525"/>
      <c r="D67" s="525"/>
      <c r="E67" s="525"/>
      <c r="F67" s="525"/>
      <c r="G67" s="525"/>
      <c r="H67" s="525"/>
      <c r="I67" s="525"/>
      <c r="J67" s="525"/>
      <c r="K67" s="526"/>
      <c r="L67" s="636" t="s">
        <v>203</v>
      </c>
      <c r="M67" s="636"/>
      <c r="N67" s="636"/>
      <c r="O67" s="636"/>
      <c r="P67" s="636"/>
      <c r="Q67" s="636"/>
      <c r="R67" s="637"/>
      <c r="S67" s="210" t="str">
        <f>IF($L67="","",IF(COUNTIFS($F$22:$F$60,$L67,S$22:S$60,"&gt;0")=0,"",COUNTIFS($F$22:$F$60,$L67,S$22:S$60,"&gt;0")))</f>
        <v/>
      </c>
      <c r="T67" s="211" t="str">
        <f t="shared" ref="T67:AW71" si="4">IF($L67="","",IF(COUNTIFS($F$22:$F$60,$L67,T$22:T$60,"&gt;0")=0,"",COUNTIFS($F$22:$F$60,$L67,T$22:T$60,"&gt;0")))</f>
        <v/>
      </c>
      <c r="U67" s="211" t="str">
        <f t="shared" si="4"/>
        <v/>
      </c>
      <c r="V67" s="211" t="str">
        <f t="shared" si="4"/>
        <v/>
      </c>
      <c r="W67" s="211" t="str">
        <f t="shared" si="4"/>
        <v/>
      </c>
      <c r="X67" s="211" t="str">
        <f t="shared" si="4"/>
        <v/>
      </c>
      <c r="Y67" s="212" t="str">
        <f t="shared" si="4"/>
        <v/>
      </c>
      <c r="Z67" s="213" t="str">
        <f t="shared" si="4"/>
        <v/>
      </c>
      <c r="AA67" s="211" t="str">
        <f t="shared" si="4"/>
        <v/>
      </c>
      <c r="AB67" s="211" t="str">
        <f t="shared" si="4"/>
        <v/>
      </c>
      <c r="AC67" s="211" t="str">
        <f t="shared" si="4"/>
        <v/>
      </c>
      <c r="AD67" s="211" t="str">
        <f t="shared" si="4"/>
        <v/>
      </c>
      <c r="AE67" s="211" t="str">
        <f t="shared" si="4"/>
        <v/>
      </c>
      <c r="AF67" s="212" t="str">
        <f t="shared" si="4"/>
        <v/>
      </c>
      <c r="AG67" s="211" t="str">
        <f t="shared" si="4"/>
        <v/>
      </c>
      <c r="AH67" s="211" t="str">
        <f t="shared" si="4"/>
        <v/>
      </c>
      <c r="AI67" s="211" t="str">
        <f t="shared" si="4"/>
        <v/>
      </c>
      <c r="AJ67" s="211" t="str">
        <f t="shared" si="4"/>
        <v/>
      </c>
      <c r="AK67" s="211" t="str">
        <f t="shared" si="4"/>
        <v/>
      </c>
      <c r="AL67" s="211" t="str">
        <f t="shared" si="4"/>
        <v/>
      </c>
      <c r="AM67" s="212" t="str">
        <f t="shared" si="4"/>
        <v/>
      </c>
      <c r="AN67" s="211" t="str">
        <f t="shared" si="4"/>
        <v/>
      </c>
      <c r="AO67" s="211" t="str">
        <f t="shared" si="4"/>
        <v/>
      </c>
      <c r="AP67" s="211" t="str">
        <f t="shared" si="4"/>
        <v/>
      </c>
      <c r="AQ67" s="211" t="str">
        <f t="shared" si="4"/>
        <v/>
      </c>
      <c r="AR67" s="211" t="str">
        <f t="shared" si="4"/>
        <v/>
      </c>
      <c r="AS67" s="211" t="str">
        <f t="shared" si="4"/>
        <v/>
      </c>
      <c r="AT67" s="212" t="str">
        <f t="shared" si="4"/>
        <v/>
      </c>
      <c r="AU67" s="211" t="str">
        <f t="shared" si="4"/>
        <v/>
      </c>
      <c r="AV67" s="211" t="str">
        <f t="shared" si="4"/>
        <v/>
      </c>
      <c r="AW67" s="212" t="str">
        <f t="shared" si="4"/>
        <v/>
      </c>
      <c r="AX67" s="624"/>
      <c r="AY67" s="625"/>
      <c r="AZ67" s="625"/>
      <c r="BA67" s="626"/>
      <c r="BB67" s="609"/>
      <c r="BC67" s="610"/>
      <c r="BD67" s="610"/>
      <c r="BE67" s="610"/>
      <c r="BF67" s="611"/>
    </row>
    <row r="68" spans="2:73" ht="18.75" customHeight="1" x14ac:dyDescent="0.4">
      <c r="B68" s="524"/>
      <c r="C68" s="525"/>
      <c r="D68" s="525"/>
      <c r="E68" s="525"/>
      <c r="F68" s="525"/>
      <c r="G68" s="525"/>
      <c r="H68" s="525"/>
      <c r="I68" s="525"/>
      <c r="J68" s="525"/>
      <c r="K68" s="526"/>
      <c r="L68" s="638" t="s">
        <v>204</v>
      </c>
      <c r="M68" s="638"/>
      <c r="N68" s="638"/>
      <c r="O68" s="638"/>
      <c r="P68" s="638"/>
      <c r="Q68" s="638"/>
      <c r="R68" s="639"/>
      <c r="S68" s="199" t="str">
        <f t="shared" ref="S68:AH71" si="5">IF($L68="","",IF(COUNTIFS($F$22:$F$60,$L68,S$22:S$60,"&gt;0")=0,"",COUNTIFS($F$22:$F$60,$L68,S$22:S$60,"&gt;0")))</f>
        <v/>
      </c>
      <c r="T68" s="200" t="str">
        <f>IF($L68="","",IF(COUNTIFS($F$22:$F$60,$L68,T$22:T$60,"&gt;0")=0,"",COUNTIFS($F$22:$F$60,$L68,T$22:T$60,"&gt;0")))</f>
        <v/>
      </c>
      <c r="U68" s="200" t="str">
        <f t="shared" si="5"/>
        <v/>
      </c>
      <c r="V68" s="200" t="str">
        <f t="shared" si="5"/>
        <v/>
      </c>
      <c r="W68" s="200" t="str">
        <f t="shared" si="5"/>
        <v/>
      </c>
      <c r="X68" s="200" t="str">
        <f t="shared" si="5"/>
        <v/>
      </c>
      <c r="Y68" s="201" t="str">
        <f t="shared" si="5"/>
        <v/>
      </c>
      <c r="Z68" s="214" t="str">
        <f t="shared" si="5"/>
        <v/>
      </c>
      <c r="AA68" s="200" t="str">
        <f t="shared" si="5"/>
        <v/>
      </c>
      <c r="AB68" s="200" t="str">
        <f t="shared" si="5"/>
        <v/>
      </c>
      <c r="AC68" s="200" t="str">
        <f t="shared" si="5"/>
        <v/>
      </c>
      <c r="AD68" s="200" t="str">
        <f t="shared" si="5"/>
        <v/>
      </c>
      <c r="AE68" s="200" t="str">
        <f t="shared" si="5"/>
        <v/>
      </c>
      <c r="AF68" s="201" t="str">
        <f t="shared" si="5"/>
        <v/>
      </c>
      <c r="AG68" s="200" t="str">
        <f t="shared" si="5"/>
        <v/>
      </c>
      <c r="AH68" s="200" t="str">
        <f t="shared" si="5"/>
        <v/>
      </c>
      <c r="AI68" s="200" t="str">
        <f t="shared" si="4"/>
        <v/>
      </c>
      <c r="AJ68" s="200" t="str">
        <f t="shared" si="4"/>
        <v/>
      </c>
      <c r="AK68" s="200" t="str">
        <f t="shared" si="4"/>
        <v/>
      </c>
      <c r="AL68" s="200" t="str">
        <f t="shared" si="4"/>
        <v/>
      </c>
      <c r="AM68" s="201" t="str">
        <f t="shared" si="4"/>
        <v/>
      </c>
      <c r="AN68" s="200" t="str">
        <f t="shared" si="4"/>
        <v/>
      </c>
      <c r="AO68" s="200" t="str">
        <f t="shared" si="4"/>
        <v/>
      </c>
      <c r="AP68" s="200" t="str">
        <f t="shared" si="4"/>
        <v/>
      </c>
      <c r="AQ68" s="200" t="str">
        <f t="shared" si="4"/>
        <v/>
      </c>
      <c r="AR68" s="200" t="str">
        <f t="shared" si="4"/>
        <v/>
      </c>
      <c r="AS68" s="200" t="str">
        <f t="shared" si="4"/>
        <v/>
      </c>
      <c r="AT68" s="201" t="str">
        <f t="shared" si="4"/>
        <v/>
      </c>
      <c r="AU68" s="200" t="str">
        <f t="shared" si="4"/>
        <v/>
      </c>
      <c r="AV68" s="200" t="str">
        <f t="shared" si="4"/>
        <v/>
      </c>
      <c r="AW68" s="201" t="str">
        <f t="shared" si="4"/>
        <v/>
      </c>
      <c r="AX68" s="624"/>
      <c r="AY68" s="625"/>
      <c r="AZ68" s="625"/>
      <c r="BA68" s="626"/>
      <c r="BB68" s="609"/>
      <c r="BC68" s="610"/>
      <c r="BD68" s="610"/>
      <c r="BE68" s="610"/>
      <c r="BF68" s="611"/>
    </row>
    <row r="69" spans="2:73" ht="18.75" customHeight="1" x14ac:dyDescent="0.4">
      <c r="B69" s="524"/>
      <c r="C69" s="525"/>
      <c r="D69" s="525"/>
      <c r="E69" s="525"/>
      <c r="F69" s="525"/>
      <c r="G69" s="525"/>
      <c r="H69" s="525"/>
      <c r="I69" s="525"/>
      <c r="J69" s="525"/>
      <c r="K69" s="526"/>
      <c r="L69" s="638" t="s">
        <v>205</v>
      </c>
      <c r="M69" s="638"/>
      <c r="N69" s="638"/>
      <c r="O69" s="638"/>
      <c r="P69" s="638"/>
      <c r="Q69" s="638"/>
      <c r="R69" s="639"/>
      <c r="S69" s="199" t="str">
        <f t="shared" si="5"/>
        <v/>
      </c>
      <c r="T69" s="200" t="str">
        <f t="shared" si="4"/>
        <v/>
      </c>
      <c r="U69" s="200" t="str">
        <f t="shared" si="4"/>
        <v/>
      </c>
      <c r="V69" s="200" t="str">
        <f t="shared" si="4"/>
        <v/>
      </c>
      <c r="W69" s="200" t="str">
        <f t="shared" si="4"/>
        <v/>
      </c>
      <c r="X69" s="200" t="str">
        <f>IF($L69="","",IF(COUNTIFS($F$22:$F$60,$L69,X$22:X$60,"&gt;0")=0,"",COUNTIFS($F$22:$F$60,$L69,X$22:X$60,"&gt;0")))</f>
        <v/>
      </c>
      <c r="Y69" s="201" t="str">
        <f t="shared" si="4"/>
        <v/>
      </c>
      <c r="Z69" s="214" t="str">
        <f t="shared" si="4"/>
        <v/>
      </c>
      <c r="AA69" s="200" t="str">
        <f t="shared" si="4"/>
        <v/>
      </c>
      <c r="AB69" s="200" t="str">
        <f t="shared" si="4"/>
        <v/>
      </c>
      <c r="AC69" s="200" t="str">
        <f t="shared" si="4"/>
        <v/>
      </c>
      <c r="AD69" s="200" t="str">
        <f t="shared" si="4"/>
        <v/>
      </c>
      <c r="AE69" s="200" t="str">
        <f t="shared" si="4"/>
        <v/>
      </c>
      <c r="AF69" s="201" t="str">
        <f t="shared" si="4"/>
        <v/>
      </c>
      <c r="AG69" s="200" t="str">
        <f t="shared" si="4"/>
        <v/>
      </c>
      <c r="AH69" s="200" t="str">
        <f t="shared" si="4"/>
        <v/>
      </c>
      <c r="AI69" s="200" t="str">
        <f t="shared" si="4"/>
        <v/>
      </c>
      <c r="AJ69" s="200" t="str">
        <f t="shared" si="4"/>
        <v/>
      </c>
      <c r="AK69" s="200" t="str">
        <f t="shared" si="4"/>
        <v/>
      </c>
      <c r="AL69" s="200" t="str">
        <f t="shared" si="4"/>
        <v/>
      </c>
      <c r="AM69" s="201" t="str">
        <f t="shared" si="4"/>
        <v/>
      </c>
      <c r="AN69" s="200" t="str">
        <f t="shared" si="4"/>
        <v/>
      </c>
      <c r="AO69" s="200" t="str">
        <f t="shared" si="4"/>
        <v/>
      </c>
      <c r="AP69" s="200" t="str">
        <f t="shared" si="4"/>
        <v/>
      </c>
      <c r="AQ69" s="200" t="str">
        <f t="shared" si="4"/>
        <v/>
      </c>
      <c r="AR69" s="200" t="str">
        <f t="shared" si="4"/>
        <v/>
      </c>
      <c r="AS69" s="200" t="str">
        <f t="shared" si="4"/>
        <v/>
      </c>
      <c r="AT69" s="201" t="str">
        <f t="shared" si="4"/>
        <v/>
      </c>
      <c r="AU69" s="200" t="str">
        <f t="shared" si="4"/>
        <v/>
      </c>
      <c r="AV69" s="200" t="str">
        <f t="shared" si="4"/>
        <v/>
      </c>
      <c r="AW69" s="201" t="str">
        <f t="shared" si="4"/>
        <v/>
      </c>
      <c r="AX69" s="624"/>
      <c r="AY69" s="625"/>
      <c r="AZ69" s="625"/>
      <c r="BA69" s="626"/>
      <c r="BB69" s="609"/>
      <c r="BC69" s="610"/>
      <c r="BD69" s="610"/>
      <c r="BE69" s="610"/>
      <c r="BF69" s="611"/>
    </row>
    <row r="70" spans="2:73" ht="18.75" customHeight="1" x14ac:dyDescent="0.4">
      <c r="B70" s="524"/>
      <c r="C70" s="525"/>
      <c r="D70" s="525"/>
      <c r="E70" s="525"/>
      <c r="F70" s="525"/>
      <c r="G70" s="525"/>
      <c r="H70" s="525"/>
      <c r="I70" s="525"/>
      <c r="J70" s="525"/>
      <c r="K70" s="526"/>
      <c r="L70" s="638" t="s">
        <v>206</v>
      </c>
      <c r="M70" s="638"/>
      <c r="N70" s="638"/>
      <c r="O70" s="638"/>
      <c r="P70" s="638"/>
      <c r="Q70" s="638"/>
      <c r="R70" s="639"/>
      <c r="S70" s="199" t="str">
        <f t="shared" si="5"/>
        <v/>
      </c>
      <c r="T70" s="200" t="str">
        <f t="shared" si="4"/>
        <v/>
      </c>
      <c r="U70" s="200" t="str">
        <f t="shared" si="4"/>
        <v/>
      </c>
      <c r="V70" s="200" t="str">
        <f t="shared" si="4"/>
        <v/>
      </c>
      <c r="W70" s="200" t="str">
        <f t="shared" si="4"/>
        <v/>
      </c>
      <c r="X70" s="200" t="str">
        <f t="shared" si="4"/>
        <v/>
      </c>
      <c r="Y70" s="201" t="str">
        <f t="shared" si="4"/>
        <v/>
      </c>
      <c r="Z70" s="214" t="str">
        <f t="shared" si="4"/>
        <v/>
      </c>
      <c r="AA70" s="200" t="str">
        <f t="shared" si="4"/>
        <v/>
      </c>
      <c r="AB70" s="200" t="str">
        <f t="shared" si="4"/>
        <v/>
      </c>
      <c r="AC70" s="200" t="str">
        <f t="shared" si="4"/>
        <v/>
      </c>
      <c r="AD70" s="200" t="str">
        <f t="shared" si="4"/>
        <v/>
      </c>
      <c r="AE70" s="200" t="str">
        <f t="shared" si="4"/>
        <v/>
      </c>
      <c r="AF70" s="201" t="str">
        <f t="shared" si="4"/>
        <v/>
      </c>
      <c r="AG70" s="200" t="str">
        <f t="shared" si="4"/>
        <v/>
      </c>
      <c r="AH70" s="200" t="str">
        <f t="shared" si="4"/>
        <v/>
      </c>
      <c r="AI70" s="200" t="str">
        <f t="shared" si="4"/>
        <v/>
      </c>
      <c r="AJ70" s="200" t="str">
        <f t="shared" si="4"/>
        <v/>
      </c>
      <c r="AK70" s="200" t="str">
        <f t="shared" si="4"/>
        <v/>
      </c>
      <c r="AL70" s="200" t="str">
        <f t="shared" si="4"/>
        <v/>
      </c>
      <c r="AM70" s="201" t="str">
        <f t="shared" si="4"/>
        <v/>
      </c>
      <c r="AN70" s="200" t="str">
        <f t="shared" si="4"/>
        <v/>
      </c>
      <c r="AO70" s="200" t="str">
        <f t="shared" si="4"/>
        <v/>
      </c>
      <c r="AP70" s="200" t="str">
        <f t="shared" si="4"/>
        <v/>
      </c>
      <c r="AQ70" s="200" t="str">
        <f t="shared" si="4"/>
        <v/>
      </c>
      <c r="AR70" s="200" t="str">
        <f t="shared" si="4"/>
        <v/>
      </c>
      <c r="AS70" s="200" t="str">
        <f t="shared" si="4"/>
        <v/>
      </c>
      <c r="AT70" s="201" t="str">
        <f t="shared" si="4"/>
        <v/>
      </c>
      <c r="AU70" s="200" t="str">
        <f t="shared" si="4"/>
        <v/>
      </c>
      <c r="AV70" s="200" t="str">
        <f t="shared" si="4"/>
        <v/>
      </c>
      <c r="AW70" s="201" t="str">
        <f t="shared" si="4"/>
        <v/>
      </c>
      <c r="AX70" s="624"/>
      <c r="AY70" s="625"/>
      <c r="AZ70" s="625"/>
      <c r="BA70" s="626"/>
      <c r="BB70" s="609"/>
      <c r="BC70" s="610"/>
      <c r="BD70" s="610"/>
      <c r="BE70" s="610"/>
      <c r="BF70" s="611"/>
    </row>
    <row r="71" spans="2:73" ht="18.75" customHeight="1" thickBot="1" x14ac:dyDescent="0.45">
      <c r="B71" s="527"/>
      <c r="C71" s="528"/>
      <c r="D71" s="528"/>
      <c r="E71" s="528"/>
      <c r="F71" s="528"/>
      <c r="G71" s="528"/>
      <c r="H71" s="528"/>
      <c r="I71" s="528"/>
      <c r="J71" s="528"/>
      <c r="K71" s="529"/>
      <c r="L71" s="640"/>
      <c r="M71" s="640"/>
      <c r="N71" s="640"/>
      <c r="O71" s="640"/>
      <c r="P71" s="640"/>
      <c r="Q71" s="640"/>
      <c r="R71" s="641"/>
      <c r="S71" s="215" t="str">
        <f t="shared" si="5"/>
        <v/>
      </c>
      <c r="T71" s="216" t="str">
        <f t="shared" si="4"/>
        <v/>
      </c>
      <c r="U71" s="216" t="str">
        <f t="shared" si="4"/>
        <v/>
      </c>
      <c r="V71" s="216" t="str">
        <f t="shared" si="4"/>
        <v/>
      </c>
      <c r="W71" s="216" t="str">
        <f t="shared" si="4"/>
        <v/>
      </c>
      <c r="X71" s="216" t="str">
        <f t="shared" si="4"/>
        <v/>
      </c>
      <c r="Y71" s="217" t="str">
        <f t="shared" si="4"/>
        <v/>
      </c>
      <c r="Z71" s="218" t="str">
        <f t="shared" si="4"/>
        <v/>
      </c>
      <c r="AA71" s="216" t="str">
        <f t="shared" si="4"/>
        <v/>
      </c>
      <c r="AB71" s="216" t="str">
        <f t="shared" si="4"/>
        <v/>
      </c>
      <c r="AC71" s="216" t="str">
        <f t="shared" si="4"/>
        <v/>
      </c>
      <c r="AD71" s="216" t="str">
        <f t="shared" si="4"/>
        <v/>
      </c>
      <c r="AE71" s="216" t="str">
        <f t="shared" si="4"/>
        <v/>
      </c>
      <c r="AF71" s="217" t="str">
        <f t="shared" si="4"/>
        <v/>
      </c>
      <c r="AG71" s="216" t="str">
        <f t="shared" si="4"/>
        <v/>
      </c>
      <c r="AH71" s="216" t="str">
        <f t="shared" si="4"/>
        <v/>
      </c>
      <c r="AI71" s="216" t="str">
        <f t="shared" si="4"/>
        <v/>
      </c>
      <c r="AJ71" s="216" t="str">
        <f t="shared" si="4"/>
        <v/>
      </c>
      <c r="AK71" s="216" t="str">
        <f t="shared" si="4"/>
        <v/>
      </c>
      <c r="AL71" s="216" t="str">
        <f t="shared" si="4"/>
        <v/>
      </c>
      <c r="AM71" s="217" t="str">
        <f t="shared" si="4"/>
        <v/>
      </c>
      <c r="AN71" s="216" t="str">
        <f t="shared" si="4"/>
        <v/>
      </c>
      <c r="AO71" s="216" t="str">
        <f t="shared" si="4"/>
        <v/>
      </c>
      <c r="AP71" s="216" t="str">
        <f t="shared" si="4"/>
        <v/>
      </c>
      <c r="AQ71" s="216" t="str">
        <f t="shared" si="4"/>
        <v/>
      </c>
      <c r="AR71" s="216" t="str">
        <f t="shared" si="4"/>
        <v/>
      </c>
      <c r="AS71" s="216" t="str">
        <f t="shared" si="4"/>
        <v/>
      </c>
      <c r="AT71" s="217" t="str">
        <f t="shared" si="4"/>
        <v/>
      </c>
      <c r="AU71" s="216" t="str">
        <f t="shared" si="4"/>
        <v/>
      </c>
      <c r="AV71" s="216" t="str">
        <f t="shared" si="4"/>
        <v/>
      </c>
      <c r="AW71" s="217" t="str">
        <f t="shared" si="4"/>
        <v/>
      </c>
      <c r="AX71" s="627"/>
      <c r="AY71" s="628"/>
      <c r="AZ71" s="628"/>
      <c r="BA71" s="629"/>
      <c r="BB71" s="612"/>
      <c r="BC71" s="613"/>
      <c r="BD71" s="613"/>
      <c r="BE71" s="613"/>
      <c r="BF71" s="614"/>
    </row>
    <row r="72" spans="2:73" ht="13.5" customHeight="1" x14ac:dyDescent="0.4">
      <c r="C72" s="219"/>
      <c r="D72" s="219"/>
      <c r="E72" s="219"/>
      <c r="F72" s="219"/>
      <c r="G72" s="220"/>
      <c r="H72" s="221"/>
      <c r="AF72" s="156"/>
    </row>
    <row r="73" spans="2:73" ht="11.45" customHeight="1" x14ac:dyDescent="0.4">
      <c r="H73" s="222"/>
      <c r="I73" s="222"/>
      <c r="J73" s="222"/>
      <c r="K73" s="222"/>
      <c r="L73" s="222"/>
      <c r="M73" s="222"/>
      <c r="N73" s="222"/>
      <c r="O73" s="222"/>
      <c r="P73" s="222"/>
      <c r="Q73" s="222"/>
      <c r="R73" s="222"/>
      <c r="S73" s="222"/>
      <c r="T73" s="222"/>
      <c r="U73" s="222"/>
      <c r="V73" s="222"/>
      <c r="W73" s="222"/>
      <c r="X73" s="222"/>
      <c r="Y73" s="222"/>
      <c r="Z73" s="222"/>
      <c r="AA73" s="222"/>
      <c r="AB73" s="222"/>
      <c r="AC73" s="222"/>
      <c r="AD73" s="222"/>
      <c r="AE73" s="222"/>
      <c r="AF73" s="222"/>
      <c r="AG73" s="222"/>
      <c r="AH73" s="222"/>
      <c r="AI73" s="222"/>
      <c r="AJ73" s="222"/>
      <c r="AK73" s="222"/>
      <c r="AL73" s="222"/>
      <c r="AM73" s="222"/>
      <c r="AN73" s="222"/>
      <c r="AO73" s="222"/>
      <c r="AP73" s="222"/>
      <c r="AQ73" s="222"/>
      <c r="AR73" s="222"/>
      <c r="AS73" s="222"/>
      <c r="AT73" s="222"/>
      <c r="AU73" s="222"/>
      <c r="AV73" s="222"/>
      <c r="AW73" s="222"/>
      <c r="AX73" s="222"/>
      <c r="AY73" s="222"/>
      <c r="AZ73" s="222"/>
      <c r="BA73" s="222"/>
    </row>
    <row r="74" spans="2:73" ht="20.25" customHeight="1" x14ac:dyDescent="0.2">
      <c r="BN74" s="151"/>
      <c r="BO74" s="139"/>
      <c r="BP74" s="151"/>
      <c r="BQ74" s="151"/>
      <c r="BR74" s="151"/>
      <c r="BS74" s="223"/>
      <c r="BT74" s="224"/>
      <c r="BU74" s="224"/>
    </row>
    <row r="75" spans="2:73" ht="20.25" customHeight="1" x14ac:dyDescent="0.4">
      <c r="C75" s="225"/>
      <c r="D75" s="225"/>
      <c r="E75" s="225"/>
      <c r="F75" s="225"/>
      <c r="G75" s="225"/>
      <c r="H75" s="156"/>
      <c r="I75" s="156"/>
    </row>
    <row r="76" spans="2:73" ht="20.25" customHeight="1" x14ac:dyDescent="0.4">
      <c r="C76" s="225"/>
      <c r="D76" s="225"/>
      <c r="E76" s="225"/>
      <c r="F76" s="225"/>
      <c r="G76" s="225"/>
      <c r="H76" s="156"/>
      <c r="I76" s="156"/>
    </row>
    <row r="77" spans="2:73" ht="20.25" customHeight="1" x14ac:dyDescent="0.4">
      <c r="C77" s="156"/>
      <c r="D77" s="156"/>
      <c r="E77" s="156"/>
      <c r="F77" s="156"/>
      <c r="G77" s="156"/>
    </row>
    <row r="78" spans="2:73" ht="20.25" customHeight="1" x14ac:dyDescent="0.4">
      <c r="C78" s="156"/>
      <c r="D78" s="156"/>
      <c r="E78" s="156"/>
      <c r="F78" s="156"/>
      <c r="G78" s="156"/>
    </row>
    <row r="79" spans="2:73" ht="20.25" customHeight="1" x14ac:dyDescent="0.4">
      <c r="C79" s="156"/>
      <c r="D79" s="156"/>
      <c r="E79" s="156"/>
      <c r="F79" s="156"/>
      <c r="G79" s="156"/>
    </row>
    <row r="80" spans="2:73" ht="20.25" customHeight="1" x14ac:dyDescent="0.4">
      <c r="C80" s="156"/>
      <c r="D80" s="156"/>
      <c r="E80" s="156"/>
      <c r="F80" s="156"/>
      <c r="G80" s="156"/>
    </row>
  </sheetData>
  <sheetProtection insertColumns="0" deleteRows="0"/>
  <mergeCells count="243">
    <mergeCell ref="L68:R68"/>
    <mergeCell ref="L69:R69"/>
    <mergeCell ref="L70:R70"/>
    <mergeCell ref="L71:R71"/>
    <mergeCell ref="G62:R62"/>
    <mergeCell ref="AX62:AY62"/>
    <mergeCell ref="G55:G57"/>
    <mergeCell ref="H55:K57"/>
    <mergeCell ref="L55:O57"/>
    <mergeCell ref="P55:R55"/>
    <mergeCell ref="AZ62:BA62"/>
    <mergeCell ref="BB62:BF71"/>
    <mergeCell ref="G63:R63"/>
    <mergeCell ref="AX63:AY63"/>
    <mergeCell ref="AZ63:BA63"/>
    <mergeCell ref="G64:R64"/>
    <mergeCell ref="AX64:BA71"/>
    <mergeCell ref="G65:R65"/>
    <mergeCell ref="AX58:AY58"/>
    <mergeCell ref="AZ58:BA58"/>
    <mergeCell ref="BB58:BF60"/>
    <mergeCell ref="P59:R59"/>
    <mergeCell ref="AX59:AY59"/>
    <mergeCell ref="AZ59:BA59"/>
    <mergeCell ref="P60:R60"/>
    <mergeCell ref="AX60:AY60"/>
    <mergeCell ref="AZ60:BA60"/>
    <mergeCell ref="G66:R66"/>
    <mergeCell ref="B67:K71"/>
    <mergeCell ref="L67:R67"/>
    <mergeCell ref="BB52:BF54"/>
    <mergeCell ref="P53:R53"/>
    <mergeCell ref="AX53:AY53"/>
    <mergeCell ref="AZ53:BA53"/>
    <mergeCell ref="P54:R54"/>
    <mergeCell ref="AX54:AY54"/>
    <mergeCell ref="AZ54:BA54"/>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P47:R47"/>
    <mergeCell ref="AX47:AY47"/>
    <mergeCell ref="AZ47:BA47"/>
    <mergeCell ref="P48:R48"/>
    <mergeCell ref="AX48:AY48"/>
    <mergeCell ref="AZ48:BA48"/>
    <mergeCell ref="B52:B54"/>
    <mergeCell ref="C52:E54"/>
    <mergeCell ref="G52:G54"/>
    <mergeCell ref="H52:K54"/>
    <mergeCell ref="L52:O54"/>
    <mergeCell ref="P52:R52"/>
    <mergeCell ref="AX49:AY49"/>
    <mergeCell ref="AZ49:BA49"/>
    <mergeCell ref="AX52:AY52"/>
    <mergeCell ref="AZ52:BA52"/>
    <mergeCell ref="B46:B48"/>
    <mergeCell ref="C46:E48"/>
    <mergeCell ref="G46:G48"/>
    <mergeCell ref="H46:K48"/>
    <mergeCell ref="L46:O48"/>
    <mergeCell ref="P46:R46"/>
    <mergeCell ref="AX43:AY43"/>
    <mergeCell ref="AZ43:BA43"/>
    <mergeCell ref="BB43:BF45"/>
    <mergeCell ref="P44:R44"/>
    <mergeCell ref="AX44:AY44"/>
    <mergeCell ref="AZ44:BA44"/>
    <mergeCell ref="P45:R45"/>
    <mergeCell ref="AX45:AY45"/>
    <mergeCell ref="AZ45:BA45"/>
    <mergeCell ref="B43:B45"/>
    <mergeCell ref="C43:E45"/>
    <mergeCell ref="G43:G45"/>
    <mergeCell ref="H43:K45"/>
    <mergeCell ref="L43:O45"/>
    <mergeCell ref="P43:R43"/>
    <mergeCell ref="AX46:AY46"/>
    <mergeCell ref="AZ46:BA46"/>
    <mergeCell ref="BB46:BF48"/>
    <mergeCell ref="G37:G39"/>
    <mergeCell ref="H37:K39"/>
    <mergeCell ref="L37:O39"/>
    <mergeCell ref="P37:R37"/>
    <mergeCell ref="AX40:AY40"/>
    <mergeCell ref="AZ40:BA40"/>
    <mergeCell ref="BB40:BF42"/>
    <mergeCell ref="P41:R41"/>
    <mergeCell ref="AX41:AY41"/>
    <mergeCell ref="AZ41:BA41"/>
    <mergeCell ref="P42:R42"/>
    <mergeCell ref="AX42:AY42"/>
    <mergeCell ref="AZ42:BA42"/>
    <mergeCell ref="BB34:BF36"/>
    <mergeCell ref="P35:R35"/>
    <mergeCell ref="AX35:AY35"/>
    <mergeCell ref="AZ35:BA35"/>
    <mergeCell ref="P36:R36"/>
    <mergeCell ref="AX36:AY36"/>
    <mergeCell ref="AZ36:BA36"/>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P29:R29"/>
    <mergeCell ref="AX29:AY29"/>
    <mergeCell ref="AZ29:BA29"/>
    <mergeCell ref="P30:R30"/>
    <mergeCell ref="AX30:AY30"/>
    <mergeCell ref="AZ30:BA30"/>
    <mergeCell ref="B34:B36"/>
    <mergeCell ref="C34:E36"/>
    <mergeCell ref="G34:G36"/>
    <mergeCell ref="H34:K36"/>
    <mergeCell ref="L34:O36"/>
    <mergeCell ref="P34:R34"/>
    <mergeCell ref="AX31:AY31"/>
    <mergeCell ref="AZ31:BA31"/>
    <mergeCell ref="AX34:AY34"/>
    <mergeCell ref="AZ34:BA34"/>
    <mergeCell ref="B28:B30"/>
    <mergeCell ref="C28:E30"/>
    <mergeCell ref="G28:G30"/>
    <mergeCell ref="H28:K30"/>
    <mergeCell ref="L28:O30"/>
    <mergeCell ref="P28:R28"/>
    <mergeCell ref="AX25:AY25"/>
    <mergeCell ref="AZ25:BA25"/>
    <mergeCell ref="BB25:BF27"/>
    <mergeCell ref="P26:R26"/>
    <mergeCell ref="AX26:AY26"/>
    <mergeCell ref="AZ26:BA26"/>
    <mergeCell ref="P27:R27"/>
    <mergeCell ref="AX27:AY27"/>
    <mergeCell ref="AZ27:BA27"/>
    <mergeCell ref="B25:B27"/>
    <mergeCell ref="C25:E27"/>
    <mergeCell ref="G25:G27"/>
    <mergeCell ref="H25:K27"/>
    <mergeCell ref="L25:O27"/>
    <mergeCell ref="P25:R25"/>
    <mergeCell ref="AX28:AY28"/>
    <mergeCell ref="AZ28:BA28"/>
    <mergeCell ref="BB28:BF30"/>
    <mergeCell ref="B22:B24"/>
    <mergeCell ref="C22:E24"/>
    <mergeCell ref="G22:G24"/>
    <mergeCell ref="H22:K24"/>
    <mergeCell ref="L22:O24"/>
    <mergeCell ref="P22:R22"/>
    <mergeCell ref="AX17:AY21"/>
    <mergeCell ref="AZ17:BA21"/>
    <mergeCell ref="BB17:BF21"/>
    <mergeCell ref="S18:Y18"/>
    <mergeCell ref="Z18:AF18"/>
    <mergeCell ref="AG18:AM18"/>
    <mergeCell ref="AN18:AT18"/>
    <mergeCell ref="AU18:AW18"/>
    <mergeCell ref="AX22:AY22"/>
    <mergeCell ref="AZ22:BA22"/>
    <mergeCell ref="BB22:BF24"/>
    <mergeCell ref="P23:R23"/>
    <mergeCell ref="AX23:AY23"/>
    <mergeCell ref="AZ23:BA23"/>
    <mergeCell ref="P24:R24"/>
    <mergeCell ref="AX24:AY24"/>
    <mergeCell ref="AZ24:BA24"/>
    <mergeCell ref="AU14:AW14"/>
    <mergeCell ref="AY14:BA14"/>
    <mergeCell ref="BC14:BD14"/>
    <mergeCell ref="B17:B21"/>
    <mergeCell ref="C17:E21"/>
    <mergeCell ref="G17:G21"/>
    <mergeCell ref="H17:K21"/>
    <mergeCell ref="L17:O21"/>
    <mergeCell ref="P17:R21"/>
    <mergeCell ref="S17:AW17"/>
    <mergeCell ref="BB4:BE4"/>
    <mergeCell ref="AX6:AY6"/>
    <mergeCell ref="BB6:BC6"/>
    <mergeCell ref="BB8:BC8"/>
    <mergeCell ref="BB10:BD10"/>
    <mergeCell ref="AO12:AQ12"/>
    <mergeCell ref="BB12:BD12"/>
    <mergeCell ref="AP1:BE1"/>
    <mergeCell ref="Z2:AA2"/>
    <mergeCell ref="AC2:AD2"/>
    <mergeCell ref="AG2:AH2"/>
    <mergeCell ref="AP2:BE2"/>
    <mergeCell ref="BB3:BE3"/>
  </mergeCells>
  <phoneticPr fontId="3"/>
  <conditionalFormatting sqref="S24 S62:BA71">
    <cfRule type="expression" dxfId="273" priority="274">
      <formula>INDIRECT(ADDRESS(ROW(),COLUMN()))=TRUNC(INDIRECT(ADDRESS(ROW(),COLUMN())))</formula>
    </cfRule>
  </conditionalFormatting>
  <conditionalFormatting sqref="S23">
    <cfRule type="expression" dxfId="272" priority="273">
      <formula>INDIRECT(ADDRESS(ROW(),COLUMN()))=TRUNC(INDIRECT(ADDRESS(ROW(),COLUMN())))</formula>
    </cfRule>
  </conditionalFormatting>
  <conditionalFormatting sqref="T24:Y24">
    <cfRule type="expression" dxfId="271" priority="272">
      <formula>INDIRECT(ADDRESS(ROW(),COLUMN()))=TRUNC(INDIRECT(ADDRESS(ROW(),COLUMN())))</formula>
    </cfRule>
  </conditionalFormatting>
  <conditionalFormatting sqref="T23:Y23">
    <cfRule type="expression" dxfId="270" priority="271">
      <formula>INDIRECT(ADDRESS(ROW(),COLUMN()))=TRUNC(INDIRECT(ADDRESS(ROW(),COLUMN())))</formula>
    </cfRule>
  </conditionalFormatting>
  <conditionalFormatting sqref="AX23:BA24">
    <cfRule type="expression" dxfId="269" priority="270">
      <formula>INDIRECT(ADDRESS(ROW(),COLUMN()))=TRUNC(INDIRECT(ADDRESS(ROW(),COLUMN())))</formula>
    </cfRule>
  </conditionalFormatting>
  <conditionalFormatting sqref="BC14:BD14">
    <cfRule type="expression" dxfId="268" priority="269">
      <formula>INDIRECT(ADDRESS(ROW(),COLUMN()))=TRUNC(INDIRECT(ADDRESS(ROW(),COLUMN())))</formula>
    </cfRule>
  </conditionalFormatting>
  <conditionalFormatting sqref="Z24">
    <cfRule type="expression" dxfId="267" priority="268">
      <formula>INDIRECT(ADDRESS(ROW(),COLUMN()))=TRUNC(INDIRECT(ADDRESS(ROW(),COLUMN())))</formula>
    </cfRule>
  </conditionalFormatting>
  <conditionalFormatting sqref="Z23">
    <cfRule type="expression" dxfId="266" priority="267">
      <formula>INDIRECT(ADDRESS(ROW(),COLUMN()))=TRUNC(INDIRECT(ADDRESS(ROW(),COLUMN())))</formula>
    </cfRule>
  </conditionalFormatting>
  <conditionalFormatting sqref="AA24:AF24">
    <cfRule type="expression" dxfId="265" priority="266">
      <formula>INDIRECT(ADDRESS(ROW(),COLUMN()))=TRUNC(INDIRECT(ADDRESS(ROW(),COLUMN())))</formula>
    </cfRule>
  </conditionalFormatting>
  <conditionalFormatting sqref="AA23:AF23">
    <cfRule type="expression" dxfId="264" priority="265">
      <formula>INDIRECT(ADDRESS(ROW(),COLUMN()))=TRUNC(INDIRECT(ADDRESS(ROW(),COLUMN())))</formula>
    </cfRule>
  </conditionalFormatting>
  <conditionalFormatting sqref="AG24">
    <cfRule type="expression" dxfId="263" priority="264">
      <formula>INDIRECT(ADDRESS(ROW(),COLUMN()))=TRUNC(INDIRECT(ADDRESS(ROW(),COLUMN())))</formula>
    </cfRule>
  </conditionalFormatting>
  <conditionalFormatting sqref="AG23">
    <cfRule type="expression" dxfId="262" priority="263">
      <formula>INDIRECT(ADDRESS(ROW(),COLUMN()))=TRUNC(INDIRECT(ADDRESS(ROW(),COLUMN())))</formula>
    </cfRule>
  </conditionalFormatting>
  <conditionalFormatting sqref="AH24:AM24">
    <cfRule type="expression" dxfId="261" priority="262">
      <formula>INDIRECT(ADDRESS(ROW(),COLUMN()))=TRUNC(INDIRECT(ADDRESS(ROW(),COLUMN())))</formula>
    </cfRule>
  </conditionalFormatting>
  <conditionalFormatting sqref="AH23:AM23">
    <cfRule type="expression" dxfId="260" priority="261">
      <formula>INDIRECT(ADDRESS(ROW(),COLUMN()))=TRUNC(INDIRECT(ADDRESS(ROW(),COLUMN())))</formula>
    </cfRule>
  </conditionalFormatting>
  <conditionalFormatting sqref="AN24">
    <cfRule type="expression" dxfId="259" priority="260">
      <formula>INDIRECT(ADDRESS(ROW(),COLUMN()))=TRUNC(INDIRECT(ADDRESS(ROW(),COLUMN())))</formula>
    </cfRule>
  </conditionalFormatting>
  <conditionalFormatting sqref="AN23">
    <cfRule type="expression" dxfId="258" priority="259">
      <formula>INDIRECT(ADDRESS(ROW(),COLUMN()))=TRUNC(INDIRECT(ADDRESS(ROW(),COLUMN())))</formula>
    </cfRule>
  </conditionalFormatting>
  <conditionalFormatting sqref="AO24:AT24">
    <cfRule type="expression" dxfId="257" priority="258">
      <formula>INDIRECT(ADDRESS(ROW(),COLUMN()))=TRUNC(INDIRECT(ADDRESS(ROW(),COLUMN())))</formula>
    </cfRule>
  </conditionalFormatting>
  <conditionalFormatting sqref="AO23:AT23">
    <cfRule type="expression" dxfId="256" priority="257">
      <formula>INDIRECT(ADDRESS(ROW(),COLUMN()))=TRUNC(INDIRECT(ADDRESS(ROW(),COLUMN())))</formula>
    </cfRule>
  </conditionalFormatting>
  <conditionalFormatting sqref="AU24">
    <cfRule type="expression" dxfId="255" priority="256">
      <formula>INDIRECT(ADDRESS(ROW(),COLUMN()))=TRUNC(INDIRECT(ADDRESS(ROW(),COLUMN())))</formula>
    </cfRule>
  </conditionalFormatting>
  <conditionalFormatting sqref="AU23">
    <cfRule type="expression" dxfId="254" priority="255">
      <formula>INDIRECT(ADDRESS(ROW(),COLUMN()))=TRUNC(INDIRECT(ADDRESS(ROW(),COLUMN())))</formula>
    </cfRule>
  </conditionalFormatting>
  <conditionalFormatting sqref="AV24:AW24">
    <cfRule type="expression" dxfId="253" priority="254">
      <formula>INDIRECT(ADDRESS(ROW(),COLUMN()))=TRUNC(INDIRECT(ADDRESS(ROW(),COLUMN())))</formula>
    </cfRule>
  </conditionalFormatting>
  <conditionalFormatting sqref="AV23:AW23">
    <cfRule type="expression" dxfId="252" priority="253">
      <formula>INDIRECT(ADDRESS(ROW(),COLUMN()))=TRUNC(INDIRECT(ADDRESS(ROW(),COLUMN())))</formula>
    </cfRule>
  </conditionalFormatting>
  <conditionalFormatting sqref="S27">
    <cfRule type="expression" dxfId="251" priority="252">
      <formula>INDIRECT(ADDRESS(ROW(),COLUMN()))=TRUNC(INDIRECT(ADDRESS(ROW(),COLUMN())))</formula>
    </cfRule>
  </conditionalFormatting>
  <conditionalFormatting sqref="S26">
    <cfRule type="expression" dxfId="250" priority="251">
      <formula>INDIRECT(ADDRESS(ROW(),COLUMN()))=TRUNC(INDIRECT(ADDRESS(ROW(),COLUMN())))</formula>
    </cfRule>
  </conditionalFormatting>
  <conditionalFormatting sqref="T27:Y27">
    <cfRule type="expression" dxfId="249" priority="250">
      <formula>INDIRECT(ADDRESS(ROW(),COLUMN()))=TRUNC(INDIRECT(ADDRESS(ROW(),COLUMN())))</formula>
    </cfRule>
  </conditionalFormatting>
  <conditionalFormatting sqref="T26:Y26">
    <cfRule type="expression" dxfId="248" priority="249">
      <formula>INDIRECT(ADDRESS(ROW(),COLUMN()))=TRUNC(INDIRECT(ADDRESS(ROW(),COLUMN())))</formula>
    </cfRule>
  </conditionalFormatting>
  <conditionalFormatting sqref="AX26:BA27">
    <cfRule type="expression" dxfId="247" priority="248">
      <formula>INDIRECT(ADDRESS(ROW(),COLUMN()))=TRUNC(INDIRECT(ADDRESS(ROW(),COLUMN())))</formula>
    </cfRule>
  </conditionalFormatting>
  <conditionalFormatting sqref="Z27">
    <cfRule type="expression" dxfId="246" priority="247">
      <formula>INDIRECT(ADDRESS(ROW(),COLUMN()))=TRUNC(INDIRECT(ADDRESS(ROW(),COLUMN())))</formula>
    </cfRule>
  </conditionalFormatting>
  <conditionalFormatting sqref="Z26">
    <cfRule type="expression" dxfId="245" priority="246">
      <formula>INDIRECT(ADDRESS(ROW(),COLUMN()))=TRUNC(INDIRECT(ADDRESS(ROW(),COLUMN())))</formula>
    </cfRule>
  </conditionalFormatting>
  <conditionalFormatting sqref="AA27:AF27">
    <cfRule type="expression" dxfId="244" priority="245">
      <formula>INDIRECT(ADDRESS(ROW(),COLUMN()))=TRUNC(INDIRECT(ADDRESS(ROW(),COLUMN())))</formula>
    </cfRule>
  </conditionalFormatting>
  <conditionalFormatting sqref="AA26:AF26">
    <cfRule type="expression" dxfId="243" priority="244">
      <formula>INDIRECT(ADDRESS(ROW(),COLUMN()))=TRUNC(INDIRECT(ADDRESS(ROW(),COLUMN())))</formula>
    </cfRule>
  </conditionalFormatting>
  <conditionalFormatting sqref="AG27">
    <cfRule type="expression" dxfId="242" priority="243">
      <formula>INDIRECT(ADDRESS(ROW(),COLUMN()))=TRUNC(INDIRECT(ADDRESS(ROW(),COLUMN())))</formula>
    </cfRule>
  </conditionalFormatting>
  <conditionalFormatting sqref="AG26">
    <cfRule type="expression" dxfId="241" priority="242">
      <formula>INDIRECT(ADDRESS(ROW(),COLUMN()))=TRUNC(INDIRECT(ADDRESS(ROW(),COLUMN())))</formula>
    </cfRule>
  </conditionalFormatting>
  <conditionalFormatting sqref="AH27:AM27">
    <cfRule type="expression" dxfId="240" priority="241">
      <formula>INDIRECT(ADDRESS(ROW(),COLUMN()))=TRUNC(INDIRECT(ADDRESS(ROW(),COLUMN())))</formula>
    </cfRule>
  </conditionalFormatting>
  <conditionalFormatting sqref="AH26:AM26">
    <cfRule type="expression" dxfId="239" priority="240">
      <formula>INDIRECT(ADDRESS(ROW(),COLUMN()))=TRUNC(INDIRECT(ADDRESS(ROW(),COLUMN())))</formula>
    </cfRule>
  </conditionalFormatting>
  <conditionalFormatting sqref="AN27">
    <cfRule type="expression" dxfId="238" priority="239">
      <formula>INDIRECT(ADDRESS(ROW(),COLUMN()))=TRUNC(INDIRECT(ADDRESS(ROW(),COLUMN())))</formula>
    </cfRule>
  </conditionalFormatting>
  <conditionalFormatting sqref="AN26">
    <cfRule type="expression" dxfId="237" priority="238">
      <formula>INDIRECT(ADDRESS(ROW(),COLUMN()))=TRUNC(INDIRECT(ADDRESS(ROW(),COLUMN())))</formula>
    </cfRule>
  </conditionalFormatting>
  <conditionalFormatting sqref="AO27:AT27">
    <cfRule type="expression" dxfId="236" priority="237">
      <formula>INDIRECT(ADDRESS(ROW(),COLUMN()))=TRUNC(INDIRECT(ADDRESS(ROW(),COLUMN())))</formula>
    </cfRule>
  </conditionalFormatting>
  <conditionalFormatting sqref="AO26:AT26">
    <cfRule type="expression" dxfId="235" priority="236">
      <formula>INDIRECT(ADDRESS(ROW(),COLUMN()))=TRUNC(INDIRECT(ADDRESS(ROW(),COLUMN())))</formula>
    </cfRule>
  </conditionalFormatting>
  <conditionalFormatting sqref="AU27">
    <cfRule type="expression" dxfId="234" priority="235">
      <formula>INDIRECT(ADDRESS(ROW(),COLUMN()))=TRUNC(INDIRECT(ADDRESS(ROW(),COLUMN())))</formula>
    </cfRule>
  </conditionalFormatting>
  <conditionalFormatting sqref="AU26">
    <cfRule type="expression" dxfId="233" priority="234">
      <formula>INDIRECT(ADDRESS(ROW(),COLUMN()))=TRUNC(INDIRECT(ADDRESS(ROW(),COLUMN())))</formula>
    </cfRule>
  </conditionalFormatting>
  <conditionalFormatting sqref="AV27:AW27">
    <cfRule type="expression" dxfId="232" priority="233">
      <formula>INDIRECT(ADDRESS(ROW(),COLUMN()))=TRUNC(INDIRECT(ADDRESS(ROW(),COLUMN())))</formula>
    </cfRule>
  </conditionalFormatting>
  <conditionalFormatting sqref="AV26:AW26">
    <cfRule type="expression" dxfId="231" priority="232">
      <formula>INDIRECT(ADDRESS(ROW(),COLUMN()))=TRUNC(INDIRECT(ADDRESS(ROW(),COLUMN())))</formula>
    </cfRule>
  </conditionalFormatting>
  <conditionalFormatting sqref="S30">
    <cfRule type="expression" dxfId="230" priority="231">
      <formula>INDIRECT(ADDRESS(ROW(),COLUMN()))=TRUNC(INDIRECT(ADDRESS(ROW(),COLUMN())))</formula>
    </cfRule>
  </conditionalFormatting>
  <conditionalFormatting sqref="S29">
    <cfRule type="expression" dxfId="229" priority="230">
      <formula>INDIRECT(ADDRESS(ROW(),COLUMN()))=TRUNC(INDIRECT(ADDRESS(ROW(),COLUMN())))</formula>
    </cfRule>
  </conditionalFormatting>
  <conditionalFormatting sqref="T30:Y30">
    <cfRule type="expression" dxfId="228" priority="229">
      <formula>INDIRECT(ADDRESS(ROW(),COLUMN()))=TRUNC(INDIRECT(ADDRESS(ROW(),COLUMN())))</formula>
    </cfRule>
  </conditionalFormatting>
  <conditionalFormatting sqref="T29:Y29">
    <cfRule type="expression" dxfId="227" priority="228">
      <formula>INDIRECT(ADDRESS(ROW(),COLUMN()))=TRUNC(INDIRECT(ADDRESS(ROW(),COLUMN())))</formula>
    </cfRule>
  </conditionalFormatting>
  <conditionalFormatting sqref="AX29:BA30">
    <cfRule type="expression" dxfId="226" priority="227">
      <formula>INDIRECT(ADDRESS(ROW(),COLUMN()))=TRUNC(INDIRECT(ADDRESS(ROW(),COLUMN())))</formula>
    </cfRule>
  </conditionalFormatting>
  <conditionalFormatting sqref="Z30">
    <cfRule type="expression" dxfId="225" priority="226">
      <formula>INDIRECT(ADDRESS(ROW(),COLUMN()))=TRUNC(INDIRECT(ADDRESS(ROW(),COLUMN())))</formula>
    </cfRule>
  </conditionalFormatting>
  <conditionalFormatting sqref="Z29">
    <cfRule type="expression" dxfId="224" priority="225">
      <formula>INDIRECT(ADDRESS(ROW(),COLUMN()))=TRUNC(INDIRECT(ADDRESS(ROW(),COLUMN())))</formula>
    </cfRule>
  </conditionalFormatting>
  <conditionalFormatting sqref="AA30:AF30">
    <cfRule type="expression" dxfId="223" priority="224">
      <formula>INDIRECT(ADDRESS(ROW(),COLUMN()))=TRUNC(INDIRECT(ADDRESS(ROW(),COLUMN())))</formula>
    </cfRule>
  </conditionalFormatting>
  <conditionalFormatting sqref="AA29:AF29">
    <cfRule type="expression" dxfId="222" priority="223">
      <formula>INDIRECT(ADDRESS(ROW(),COLUMN()))=TRUNC(INDIRECT(ADDRESS(ROW(),COLUMN())))</formula>
    </cfRule>
  </conditionalFormatting>
  <conditionalFormatting sqref="AG30">
    <cfRule type="expression" dxfId="221" priority="222">
      <formula>INDIRECT(ADDRESS(ROW(),COLUMN()))=TRUNC(INDIRECT(ADDRESS(ROW(),COLUMN())))</formula>
    </cfRule>
  </conditionalFormatting>
  <conditionalFormatting sqref="AG29">
    <cfRule type="expression" dxfId="220" priority="221">
      <formula>INDIRECT(ADDRESS(ROW(),COLUMN()))=TRUNC(INDIRECT(ADDRESS(ROW(),COLUMN())))</formula>
    </cfRule>
  </conditionalFormatting>
  <conditionalFormatting sqref="AH30:AM30">
    <cfRule type="expression" dxfId="219" priority="220">
      <formula>INDIRECT(ADDRESS(ROW(),COLUMN()))=TRUNC(INDIRECT(ADDRESS(ROW(),COLUMN())))</formula>
    </cfRule>
  </conditionalFormatting>
  <conditionalFormatting sqref="AH29:AM29">
    <cfRule type="expression" dxfId="218" priority="219">
      <formula>INDIRECT(ADDRESS(ROW(),COLUMN()))=TRUNC(INDIRECT(ADDRESS(ROW(),COLUMN())))</formula>
    </cfRule>
  </conditionalFormatting>
  <conditionalFormatting sqref="AN30">
    <cfRule type="expression" dxfId="217" priority="218">
      <formula>INDIRECT(ADDRESS(ROW(),COLUMN()))=TRUNC(INDIRECT(ADDRESS(ROW(),COLUMN())))</formula>
    </cfRule>
  </conditionalFormatting>
  <conditionalFormatting sqref="AN29">
    <cfRule type="expression" dxfId="216" priority="217">
      <formula>INDIRECT(ADDRESS(ROW(),COLUMN()))=TRUNC(INDIRECT(ADDRESS(ROW(),COLUMN())))</formula>
    </cfRule>
  </conditionalFormatting>
  <conditionalFormatting sqref="AO30:AT30">
    <cfRule type="expression" dxfId="215" priority="216">
      <formula>INDIRECT(ADDRESS(ROW(),COLUMN()))=TRUNC(INDIRECT(ADDRESS(ROW(),COLUMN())))</formula>
    </cfRule>
  </conditionalFormatting>
  <conditionalFormatting sqref="AO29:AT29">
    <cfRule type="expression" dxfId="214" priority="215">
      <formula>INDIRECT(ADDRESS(ROW(),COLUMN()))=TRUNC(INDIRECT(ADDRESS(ROW(),COLUMN())))</formula>
    </cfRule>
  </conditionalFormatting>
  <conditionalFormatting sqref="AU30">
    <cfRule type="expression" dxfId="213" priority="214">
      <formula>INDIRECT(ADDRESS(ROW(),COLUMN()))=TRUNC(INDIRECT(ADDRESS(ROW(),COLUMN())))</formula>
    </cfRule>
  </conditionalFormatting>
  <conditionalFormatting sqref="AU29">
    <cfRule type="expression" dxfId="212" priority="213">
      <formula>INDIRECT(ADDRESS(ROW(),COLUMN()))=TRUNC(INDIRECT(ADDRESS(ROW(),COLUMN())))</formula>
    </cfRule>
  </conditionalFormatting>
  <conditionalFormatting sqref="AV30:AW30">
    <cfRule type="expression" dxfId="211" priority="212">
      <formula>INDIRECT(ADDRESS(ROW(),COLUMN()))=TRUNC(INDIRECT(ADDRESS(ROW(),COLUMN())))</formula>
    </cfRule>
  </conditionalFormatting>
  <conditionalFormatting sqref="AV29:AW29">
    <cfRule type="expression" dxfId="210" priority="211">
      <formula>INDIRECT(ADDRESS(ROW(),COLUMN()))=TRUNC(INDIRECT(ADDRESS(ROW(),COLUMN())))</formula>
    </cfRule>
  </conditionalFormatting>
  <conditionalFormatting sqref="S33">
    <cfRule type="expression" dxfId="209" priority="210">
      <formula>INDIRECT(ADDRESS(ROW(),COLUMN()))=TRUNC(INDIRECT(ADDRESS(ROW(),COLUMN())))</formula>
    </cfRule>
  </conditionalFormatting>
  <conditionalFormatting sqref="S32">
    <cfRule type="expression" dxfId="208" priority="209">
      <formula>INDIRECT(ADDRESS(ROW(),COLUMN()))=TRUNC(INDIRECT(ADDRESS(ROW(),COLUMN())))</formula>
    </cfRule>
  </conditionalFormatting>
  <conditionalFormatting sqref="T33:Y33">
    <cfRule type="expression" dxfId="207" priority="208">
      <formula>INDIRECT(ADDRESS(ROW(),COLUMN()))=TRUNC(INDIRECT(ADDRESS(ROW(),COLUMN())))</formula>
    </cfRule>
  </conditionalFormatting>
  <conditionalFormatting sqref="T32:Y32">
    <cfRule type="expression" dxfId="206" priority="207">
      <formula>INDIRECT(ADDRESS(ROW(),COLUMN()))=TRUNC(INDIRECT(ADDRESS(ROW(),COLUMN())))</formula>
    </cfRule>
  </conditionalFormatting>
  <conditionalFormatting sqref="AX32:BA33">
    <cfRule type="expression" dxfId="205" priority="206">
      <formula>INDIRECT(ADDRESS(ROW(),COLUMN()))=TRUNC(INDIRECT(ADDRESS(ROW(),COLUMN())))</formula>
    </cfRule>
  </conditionalFormatting>
  <conditionalFormatting sqref="Z33">
    <cfRule type="expression" dxfId="204" priority="205">
      <formula>INDIRECT(ADDRESS(ROW(),COLUMN()))=TRUNC(INDIRECT(ADDRESS(ROW(),COLUMN())))</formula>
    </cfRule>
  </conditionalFormatting>
  <conditionalFormatting sqref="Z32">
    <cfRule type="expression" dxfId="203" priority="204">
      <formula>INDIRECT(ADDRESS(ROW(),COLUMN()))=TRUNC(INDIRECT(ADDRESS(ROW(),COLUMN())))</formula>
    </cfRule>
  </conditionalFormatting>
  <conditionalFormatting sqref="AA33:AF33">
    <cfRule type="expression" dxfId="202" priority="203">
      <formula>INDIRECT(ADDRESS(ROW(),COLUMN()))=TRUNC(INDIRECT(ADDRESS(ROW(),COLUMN())))</formula>
    </cfRule>
  </conditionalFormatting>
  <conditionalFormatting sqref="AA32:AF32">
    <cfRule type="expression" dxfId="201" priority="202">
      <formula>INDIRECT(ADDRESS(ROW(),COLUMN()))=TRUNC(INDIRECT(ADDRESS(ROW(),COLUMN())))</formula>
    </cfRule>
  </conditionalFormatting>
  <conditionalFormatting sqref="AG33">
    <cfRule type="expression" dxfId="200" priority="201">
      <formula>INDIRECT(ADDRESS(ROW(),COLUMN()))=TRUNC(INDIRECT(ADDRESS(ROW(),COLUMN())))</formula>
    </cfRule>
  </conditionalFormatting>
  <conditionalFormatting sqref="AG32">
    <cfRule type="expression" dxfId="199" priority="200">
      <formula>INDIRECT(ADDRESS(ROW(),COLUMN()))=TRUNC(INDIRECT(ADDRESS(ROW(),COLUMN())))</formula>
    </cfRule>
  </conditionalFormatting>
  <conditionalFormatting sqref="AH33:AM33">
    <cfRule type="expression" dxfId="198" priority="199">
      <formula>INDIRECT(ADDRESS(ROW(),COLUMN()))=TRUNC(INDIRECT(ADDRESS(ROW(),COLUMN())))</formula>
    </cfRule>
  </conditionalFormatting>
  <conditionalFormatting sqref="AH32:AM32">
    <cfRule type="expression" dxfId="197" priority="198">
      <formula>INDIRECT(ADDRESS(ROW(),COLUMN()))=TRUNC(INDIRECT(ADDRESS(ROW(),COLUMN())))</formula>
    </cfRule>
  </conditionalFormatting>
  <conditionalFormatting sqref="AN33">
    <cfRule type="expression" dxfId="196" priority="197">
      <formula>INDIRECT(ADDRESS(ROW(),COLUMN()))=TRUNC(INDIRECT(ADDRESS(ROW(),COLUMN())))</formula>
    </cfRule>
  </conditionalFormatting>
  <conditionalFormatting sqref="AN32">
    <cfRule type="expression" dxfId="195" priority="196">
      <formula>INDIRECT(ADDRESS(ROW(),COLUMN()))=TRUNC(INDIRECT(ADDRESS(ROW(),COLUMN())))</formula>
    </cfRule>
  </conditionalFormatting>
  <conditionalFormatting sqref="AO33:AT33">
    <cfRule type="expression" dxfId="194" priority="195">
      <formula>INDIRECT(ADDRESS(ROW(),COLUMN()))=TRUNC(INDIRECT(ADDRESS(ROW(),COLUMN())))</formula>
    </cfRule>
  </conditionalFormatting>
  <conditionalFormatting sqref="AO32:AT32">
    <cfRule type="expression" dxfId="193" priority="194">
      <formula>INDIRECT(ADDRESS(ROW(),COLUMN()))=TRUNC(INDIRECT(ADDRESS(ROW(),COLUMN())))</formula>
    </cfRule>
  </conditionalFormatting>
  <conditionalFormatting sqref="AU33">
    <cfRule type="expression" dxfId="192" priority="193">
      <formula>INDIRECT(ADDRESS(ROW(),COLUMN()))=TRUNC(INDIRECT(ADDRESS(ROW(),COLUMN())))</formula>
    </cfRule>
  </conditionalFormatting>
  <conditionalFormatting sqref="AU32">
    <cfRule type="expression" dxfId="191" priority="192">
      <formula>INDIRECT(ADDRESS(ROW(),COLUMN()))=TRUNC(INDIRECT(ADDRESS(ROW(),COLUMN())))</formula>
    </cfRule>
  </conditionalFormatting>
  <conditionalFormatting sqref="AV33:AW33">
    <cfRule type="expression" dxfId="190" priority="191">
      <formula>INDIRECT(ADDRESS(ROW(),COLUMN()))=TRUNC(INDIRECT(ADDRESS(ROW(),COLUMN())))</formula>
    </cfRule>
  </conditionalFormatting>
  <conditionalFormatting sqref="AV32:AW32">
    <cfRule type="expression" dxfId="189" priority="190">
      <formula>INDIRECT(ADDRESS(ROW(),COLUMN()))=TRUNC(INDIRECT(ADDRESS(ROW(),COLUMN())))</formula>
    </cfRule>
  </conditionalFormatting>
  <conditionalFormatting sqref="S36">
    <cfRule type="expression" dxfId="188" priority="189">
      <formula>INDIRECT(ADDRESS(ROW(),COLUMN()))=TRUNC(INDIRECT(ADDRESS(ROW(),COLUMN())))</formula>
    </cfRule>
  </conditionalFormatting>
  <conditionalFormatting sqref="S35">
    <cfRule type="expression" dxfId="187" priority="188">
      <formula>INDIRECT(ADDRESS(ROW(),COLUMN()))=TRUNC(INDIRECT(ADDRESS(ROW(),COLUMN())))</formula>
    </cfRule>
  </conditionalFormatting>
  <conditionalFormatting sqref="T36:Y36">
    <cfRule type="expression" dxfId="186" priority="187">
      <formula>INDIRECT(ADDRESS(ROW(),COLUMN()))=TRUNC(INDIRECT(ADDRESS(ROW(),COLUMN())))</formula>
    </cfRule>
  </conditionalFormatting>
  <conditionalFormatting sqref="T35:Y35">
    <cfRule type="expression" dxfId="185" priority="186">
      <formula>INDIRECT(ADDRESS(ROW(),COLUMN()))=TRUNC(INDIRECT(ADDRESS(ROW(),COLUMN())))</formula>
    </cfRule>
  </conditionalFormatting>
  <conditionalFormatting sqref="AX35:BA36">
    <cfRule type="expression" dxfId="184" priority="185">
      <formula>INDIRECT(ADDRESS(ROW(),COLUMN()))=TRUNC(INDIRECT(ADDRESS(ROW(),COLUMN())))</formula>
    </cfRule>
  </conditionalFormatting>
  <conditionalFormatting sqref="Z36">
    <cfRule type="expression" dxfId="183" priority="184">
      <formula>INDIRECT(ADDRESS(ROW(),COLUMN()))=TRUNC(INDIRECT(ADDRESS(ROW(),COLUMN())))</formula>
    </cfRule>
  </conditionalFormatting>
  <conditionalFormatting sqref="Z35">
    <cfRule type="expression" dxfId="182" priority="183">
      <formula>INDIRECT(ADDRESS(ROW(),COLUMN()))=TRUNC(INDIRECT(ADDRESS(ROW(),COLUMN())))</formula>
    </cfRule>
  </conditionalFormatting>
  <conditionalFormatting sqref="AA36:AF36">
    <cfRule type="expression" dxfId="181" priority="182">
      <formula>INDIRECT(ADDRESS(ROW(),COLUMN()))=TRUNC(INDIRECT(ADDRESS(ROW(),COLUMN())))</formula>
    </cfRule>
  </conditionalFormatting>
  <conditionalFormatting sqref="AA35:AF35">
    <cfRule type="expression" dxfId="180" priority="181">
      <formula>INDIRECT(ADDRESS(ROW(),COLUMN()))=TRUNC(INDIRECT(ADDRESS(ROW(),COLUMN())))</formula>
    </cfRule>
  </conditionalFormatting>
  <conditionalFormatting sqref="AG36">
    <cfRule type="expression" dxfId="179" priority="180">
      <formula>INDIRECT(ADDRESS(ROW(),COLUMN()))=TRUNC(INDIRECT(ADDRESS(ROW(),COLUMN())))</formula>
    </cfRule>
  </conditionalFormatting>
  <conditionalFormatting sqref="AG35">
    <cfRule type="expression" dxfId="178" priority="179">
      <formula>INDIRECT(ADDRESS(ROW(),COLUMN()))=TRUNC(INDIRECT(ADDRESS(ROW(),COLUMN())))</formula>
    </cfRule>
  </conditionalFormatting>
  <conditionalFormatting sqref="AH36:AM36">
    <cfRule type="expression" dxfId="177" priority="178">
      <formula>INDIRECT(ADDRESS(ROW(),COLUMN()))=TRUNC(INDIRECT(ADDRESS(ROW(),COLUMN())))</formula>
    </cfRule>
  </conditionalFormatting>
  <conditionalFormatting sqref="AH35:AM35">
    <cfRule type="expression" dxfId="176" priority="177">
      <formula>INDIRECT(ADDRESS(ROW(),COLUMN()))=TRUNC(INDIRECT(ADDRESS(ROW(),COLUMN())))</formula>
    </cfRule>
  </conditionalFormatting>
  <conditionalFormatting sqref="AN36">
    <cfRule type="expression" dxfId="175" priority="176">
      <formula>INDIRECT(ADDRESS(ROW(),COLUMN()))=TRUNC(INDIRECT(ADDRESS(ROW(),COLUMN())))</formula>
    </cfRule>
  </conditionalFormatting>
  <conditionalFormatting sqref="AN35">
    <cfRule type="expression" dxfId="174" priority="175">
      <formula>INDIRECT(ADDRESS(ROW(),COLUMN()))=TRUNC(INDIRECT(ADDRESS(ROW(),COLUMN())))</formula>
    </cfRule>
  </conditionalFormatting>
  <conditionalFormatting sqref="AO36:AT36">
    <cfRule type="expression" dxfId="173" priority="174">
      <formula>INDIRECT(ADDRESS(ROW(),COLUMN()))=TRUNC(INDIRECT(ADDRESS(ROW(),COLUMN())))</formula>
    </cfRule>
  </conditionalFormatting>
  <conditionalFormatting sqref="AO35:AT35">
    <cfRule type="expression" dxfId="172" priority="173">
      <formula>INDIRECT(ADDRESS(ROW(),COLUMN()))=TRUNC(INDIRECT(ADDRESS(ROW(),COLUMN())))</formula>
    </cfRule>
  </conditionalFormatting>
  <conditionalFormatting sqref="AU36">
    <cfRule type="expression" dxfId="171" priority="172">
      <formula>INDIRECT(ADDRESS(ROW(),COLUMN()))=TRUNC(INDIRECT(ADDRESS(ROW(),COLUMN())))</formula>
    </cfRule>
  </conditionalFormatting>
  <conditionalFormatting sqref="AU35">
    <cfRule type="expression" dxfId="170" priority="171">
      <formula>INDIRECT(ADDRESS(ROW(),COLUMN()))=TRUNC(INDIRECT(ADDRESS(ROW(),COLUMN())))</formula>
    </cfRule>
  </conditionalFormatting>
  <conditionalFormatting sqref="AV36:AW36">
    <cfRule type="expression" dxfId="169" priority="170">
      <formula>INDIRECT(ADDRESS(ROW(),COLUMN()))=TRUNC(INDIRECT(ADDRESS(ROW(),COLUMN())))</formula>
    </cfRule>
  </conditionalFormatting>
  <conditionalFormatting sqref="AV35:AW35">
    <cfRule type="expression" dxfId="168" priority="169">
      <formula>INDIRECT(ADDRESS(ROW(),COLUMN()))=TRUNC(INDIRECT(ADDRESS(ROW(),COLUMN())))</formula>
    </cfRule>
  </conditionalFormatting>
  <conditionalFormatting sqref="S39">
    <cfRule type="expression" dxfId="167" priority="168">
      <formula>INDIRECT(ADDRESS(ROW(),COLUMN()))=TRUNC(INDIRECT(ADDRESS(ROW(),COLUMN())))</formula>
    </cfRule>
  </conditionalFormatting>
  <conditionalFormatting sqref="S38">
    <cfRule type="expression" dxfId="166" priority="167">
      <formula>INDIRECT(ADDRESS(ROW(),COLUMN()))=TRUNC(INDIRECT(ADDRESS(ROW(),COLUMN())))</formula>
    </cfRule>
  </conditionalFormatting>
  <conditionalFormatting sqref="T39:Y39">
    <cfRule type="expression" dxfId="165" priority="166">
      <formula>INDIRECT(ADDRESS(ROW(),COLUMN()))=TRUNC(INDIRECT(ADDRESS(ROW(),COLUMN())))</formula>
    </cfRule>
  </conditionalFormatting>
  <conditionalFormatting sqref="T38:Y38">
    <cfRule type="expression" dxfId="164" priority="165">
      <formula>INDIRECT(ADDRESS(ROW(),COLUMN()))=TRUNC(INDIRECT(ADDRESS(ROW(),COLUMN())))</formula>
    </cfRule>
  </conditionalFormatting>
  <conditionalFormatting sqref="AX38:BA39">
    <cfRule type="expression" dxfId="163" priority="164">
      <formula>INDIRECT(ADDRESS(ROW(),COLUMN()))=TRUNC(INDIRECT(ADDRESS(ROW(),COLUMN())))</formula>
    </cfRule>
  </conditionalFormatting>
  <conditionalFormatting sqref="Z39">
    <cfRule type="expression" dxfId="162" priority="163">
      <formula>INDIRECT(ADDRESS(ROW(),COLUMN()))=TRUNC(INDIRECT(ADDRESS(ROW(),COLUMN())))</formula>
    </cfRule>
  </conditionalFormatting>
  <conditionalFormatting sqref="Z38">
    <cfRule type="expression" dxfId="161" priority="162">
      <formula>INDIRECT(ADDRESS(ROW(),COLUMN()))=TRUNC(INDIRECT(ADDRESS(ROW(),COLUMN())))</formula>
    </cfRule>
  </conditionalFormatting>
  <conditionalFormatting sqref="AA39:AF39">
    <cfRule type="expression" dxfId="160" priority="161">
      <formula>INDIRECT(ADDRESS(ROW(),COLUMN()))=TRUNC(INDIRECT(ADDRESS(ROW(),COLUMN())))</formula>
    </cfRule>
  </conditionalFormatting>
  <conditionalFormatting sqref="AA38:AF38">
    <cfRule type="expression" dxfId="159" priority="160">
      <formula>INDIRECT(ADDRESS(ROW(),COLUMN()))=TRUNC(INDIRECT(ADDRESS(ROW(),COLUMN())))</formula>
    </cfRule>
  </conditionalFormatting>
  <conditionalFormatting sqref="AG39">
    <cfRule type="expression" dxfId="158" priority="159">
      <formula>INDIRECT(ADDRESS(ROW(),COLUMN()))=TRUNC(INDIRECT(ADDRESS(ROW(),COLUMN())))</formula>
    </cfRule>
  </conditionalFormatting>
  <conditionalFormatting sqref="AG38">
    <cfRule type="expression" dxfId="157" priority="158">
      <formula>INDIRECT(ADDRESS(ROW(),COLUMN()))=TRUNC(INDIRECT(ADDRESS(ROW(),COLUMN())))</formula>
    </cfRule>
  </conditionalFormatting>
  <conditionalFormatting sqref="AH39:AM39">
    <cfRule type="expression" dxfId="156" priority="157">
      <formula>INDIRECT(ADDRESS(ROW(),COLUMN()))=TRUNC(INDIRECT(ADDRESS(ROW(),COLUMN())))</formula>
    </cfRule>
  </conditionalFormatting>
  <conditionalFormatting sqref="AH38:AM38">
    <cfRule type="expression" dxfId="155" priority="156">
      <formula>INDIRECT(ADDRESS(ROW(),COLUMN()))=TRUNC(INDIRECT(ADDRESS(ROW(),COLUMN())))</formula>
    </cfRule>
  </conditionalFormatting>
  <conditionalFormatting sqref="AN39">
    <cfRule type="expression" dxfId="154" priority="155">
      <formula>INDIRECT(ADDRESS(ROW(),COLUMN()))=TRUNC(INDIRECT(ADDRESS(ROW(),COLUMN())))</formula>
    </cfRule>
  </conditionalFormatting>
  <conditionalFormatting sqref="AN38">
    <cfRule type="expression" dxfId="153" priority="154">
      <formula>INDIRECT(ADDRESS(ROW(),COLUMN()))=TRUNC(INDIRECT(ADDRESS(ROW(),COLUMN())))</formula>
    </cfRule>
  </conditionalFormatting>
  <conditionalFormatting sqref="AO39:AT39">
    <cfRule type="expression" dxfId="152" priority="153">
      <formula>INDIRECT(ADDRESS(ROW(),COLUMN()))=TRUNC(INDIRECT(ADDRESS(ROW(),COLUMN())))</formula>
    </cfRule>
  </conditionalFormatting>
  <conditionalFormatting sqref="AO38:AT38">
    <cfRule type="expression" dxfId="151" priority="152">
      <formula>INDIRECT(ADDRESS(ROW(),COLUMN()))=TRUNC(INDIRECT(ADDRESS(ROW(),COLUMN())))</formula>
    </cfRule>
  </conditionalFormatting>
  <conditionalFormatting sqref="AU39">
    <cfRule type="expression" dxfId="150" priority="151">
      <formula>INDIRECT(ADDRESS(ROW(),COLUMN()))=TRUNC(INDIRECT(ADDRESS(ROW(),COLUMN())))</formula>
    </cfRule>
  </conditionalFormatting>
  <conditionalFormatting sqref="AU38">
    <cfRule type="expression" dxfId="149" priority="150">
      <formula>INDIRECT(ADDRESS(ROW(),COLUMN()))=TRUNC(INDIRECT(ADDRESS(ROW(),COLUMN())))</formula>
    </cfRule>
  </conditionalFormatting>
  <conditionalFormatting sqref="AV39:AW39">
    <cfRule type="expression" dxfId="148" priority="149">
      <formula>INDIRECT(ADDRESS(ROW(),COLUMN()))=TRUNC(INDIRECT(ADDRESS(ROW(),COLUMN())))</formula>
    </cfRule>
  </conditionalFormatting>
  <conditionalFormatting sqref="AV38:AW38">
    <cfRule type="expression" dxfId="147" priority="148">
      <formula>INDIRECT(ADDRESS(ROW(),COLUMN()))=TRUNC(INDIRECT(ADDRESS(ROW(),COLUMN())))</formula>
    </cfRule>
  </conditionalFormatting>
  <conditionalFormatting sqref="S42">
    <cfRule type="expression" dxfId="146" priority="147">
      <formula>INDIRECT(ADDRESS(ROW(),COLUMN()))=TRUNC(INDIRECT(ADDRESS(ROW(),COLUMN())))</formula>
    </cfRule>
  </conditionalFormatting>
  <conditionalFormatting sqref="S41">
    <cfRule type="expression" dxfId="145" priority="146">
      <formula>INDIRECT(ADDRESS(ROW(),COLUMN()))=TRUNC(INDIRECT(ADDRESS(ROW(),COLUMN())))</formula>
    </cfRule>
  </conditionalFormatting>
  <conditionalFormatting sqref="T42:Y42">
    <cfRule type="expression" dxfId="144" priority="145">
      <formula>INDIRECT(ADDRESS(ROW(),COLUMN()))=TRUNC(INDIRECT(ADDRESS(ROW(),COLUMN())))</formula>
    </cfRule>
  </conditionalFormatting>
  <conditionalFormatting sqref="T41:Y41">
    <cfRule type="expression" dxfId="143" priority="144">
      <formula>INDIRECT(ADDRESS(ROW(),COLUMN()))=TRUNC(INDIRECT(ADDRESS(ROW(),COLUMN())))</formula>
    </cfRule>
  </conditionalFormatting>
  <conditionalFormatting sqref="AX41:BA42">
    <cfRule type="expression" dxfId="142" priority="143">
      <formula>INDIRECT(ADDRESS(ROW(),COLUMN()))=TRUNC(INDIRECT(ADDRESS(ROW(),COLUMN())))</formula>
    </cfRule>
  </conditionalFormatting>
  <conditionalFormatting sqref="Z42">
    <cfRule type="expression" dxfId="141" priority="142">
      <formula>INDIRECT(ADDRESS(ROW(),COLUMN()))=TRUNC(INDIRECT(ADDRESS(ROW(),COLUMN())))</formula>
    </cfRule>
  </conditionalFormatting>
  <conditionalFormatting sqref="Z41">
    <cfRule type="expression" dxfId="140" priority="141">
      <formula>INDIRECT(ADDRESS(ROW(),COLUMN()))=TRUNC(INDIRECT(ADDRESS(ROW(),COLUMN())))</formula>
    </cfRule>
  </conditionalFormatting>
  <conditionalFormatting sqref="AA42:AF42">
    <cfRule type="expression" dxfId="139" priority="140">
      <formula>INDIRECT(ADDRESS(ROW(),COLUMN()))=TRUNC(INDIRECT(ADDRESS(ROW(),COLUMN())))</formula>
    </cfRule>
  </conditionalFormatting>
  <conditionalFormatting sqref="AA41:AF41">
    <cfRule type="expression" dxfId="138" priority="139">
      <formula>INDIRECT(ADDRESS(ROW(),COLUMN()))=TRUNC(INDIRECT(ADDRESS(ROW(),COLUMN())))</formula>
    </cfRule>
  </conditionalFormatting>
  <conditionalFormatting sqref="AG42">
    <cfRule type="expression" dxfId="137" priority="138">
      <formula>INDIRECT(ADDRESS(ROW(),COLUMN()))=TRUNC(INDIRECT(ADDRESS(ROW(),COLUMN())))</formula>
    </cfRule>
  </conditionalFormatting>
  <conditionalFormatting sqref="AG41">
    <cfRule type="expression" dxfId="136" priority="137">
      <formula>INDIRECT(ADDRESS(ROW(),COLUMN()))=TRUNC(INDIRECT(ADDRESS(ROW(),COLUMN())))</formula>
    </cfRule>
  </conditionalFormatting>
  <conditionalFormatting sqref="AH42:AM42">
    <cfRule type="expression" dxfId="135" priority="136">
      <formula>INDIRECT(ADDRESS(ROW(),COLUMN()))=TRUNC(INDIRECT(ADDRESS(ROW(),COLUMN())))</formula>
    </cfRule>
  </conditionalFormatting>
  <conditionalFormatting sqref="AH41:AM41">
    <cfRule type="expression" dxfId="134" priority="135">
      <formula>INDIRECT(ADDRESS(ROW(),COLUMN()))=TRUNC(INDIRECT(ADDRESS(ROW(),COLUMN())))</formula>
    </cfRule>
  </conditionalFormatting>
  <conditionalFormatting sqref="AN42">
    <cfRule type="expression" dxfId="133" priority="134">
      <formula>INDIRECT(ADDRESS(ROW(),COLUMN()))=TRUNC(INDIRECT(ADDRESS(ROW(),COLUMN())))</formula>
    </cfRule>
  </conditionalFormatting>
  <conditionalFormatting sqref="AN41">
    <cfRule type="expression" dxfId="132" priority="133">
      <formula>INDIRECT(ADDRESS(ROW(),COLUMN()))=TRUNC(INDIRECT(ADDRESS(ROW(),COLUMN())))</formula>
    </cfRule>
  </conditionalFormatting>
  <conditionalFormatting sqref="AO42:AT42">
    <cfRule type="expression" dxfId="131" priority="132">
      <formula>INDIRECT(ADDRESS(ROW(),COLUMN()))=TRUNC(INDIRECT(ADDRESS(ROW(),COLUMN())))</formula>
    </cfRule>
  </conditionalFormatting>
  <conditionalFormatting sqref="AO41:AT41">
    <cfRule type="expression" dxfId="130" priority="131">
      <formula>INDIRECT(ADDRESS(ROW(),COLUMN()))=TRUNC(INDIRECT(ADDRESS(ROW(),COLUMN())))</formula>
    </cfRule>
  </conditionalFormatting>
  <conditionalFormatting sqref="AU42">
    <cfRule type="expression" dxfId="129" priority="130">
      <formula>INDIRECT(ADDRESS(ROW(),COLUMN()))=TRUNC(INDIRECT(ADDRESS(ROW(),COLUMN())))</formula>
    </cfRule>
  </conditionalFormatting>
  <conditionalFormatting sqref="AU41">
    <cfRule type="expression" dxfId="128" priority="129">
      <formula>INDIRECT(ADDRESS(ROW(),COLUMN()))=TRUNC(INDIRECT(ADDRESS(ROW(),COLUMN())))</formula>
    </cfRule>
  </conditionalFormatting>
  <conditionalFormatting sqref="AV42:AW42">
    <cfRule type="expression" dxfId="127" priority="128">
      <formula>INDIRECT(ADDRESS(ROW(),COLUMN()))=TRUNC(INDIRECT(ADDRESS(ROW(),COLUMN())))</formula>
    </cfRule>
  </conditionalFormatting>
  <conditionalFormatting sqref="AV41:AW41">
    <cfRule type="expression" dxfId="126" priority="127">
      <formula>INDIRECT(ADDRESS(ROW(),COLUMN()))=TRUNC(INDIRECT(ADDRESS(ROW(),COLUMN())))</formula>
    </cfRule>
  </conditionalFormatting>
  <conditionalFormatting sqref="S45">
    <cfRule type="expression" dxfId="125" priority="126">
      <formula>INDIRECT(ADDRESS(ROW(),COLUMN()))=TRUNC(INDIRECT(ADDRESS(ROW(),COLUMN())))</formula>
    </cfRule>
  </conditionalFormatting>
  <conditionalFormatting sqref="S44">
    <cfRule type="expression" dxfId="124" priority="125">
      <formula>INDIRECT(ADDRESS(ROW(),COLUMN()))=TRUNC(INDIRECT(ADDRESS(ROW(),COLUMN())))</formula>
    </cfRule>
  </conditionalFormatting>
  <conditionalFormatting sqref="T45:Y45">
    <cfRule type="expression" dxfId="123" priority="124">
      <formula>INDIRECT(ADDRESS(ROW(),COLUMN()))=TRUNC(INDIRECT(ADDRESS(ROW(),COLUMN())))</formula>
    </cfRule>
  </conditionalFormatting>
  <conditionalFormatting sqref="T44:Y44">
    <cfRule type="expression" dxfId="122" priority="123">
      <formula>INDIRECT(ADDRESS(ROW(),COLUMN()))=TRUNC(INDIRECT(ADDRESS(ROW(),COLUMN())))</formula>
    </cfRule>
  </conditionalFormatting>
  <conditionalFormatting sqref="AX44:BA45">
    <cfRule type="expression" dxfId="121" priority="122">
      <formula>INDIRECT(ADDRESS(ROW(),COLUMN()))=TRUNC(INDIRECT(ADDRESS(ROW(),COLUMN())))</formula>
    </cfRule>
  </conditionalFormatting>
  <conditionalFormatting sqref="Z45">
    <cfRule type="expression" dxfId="120" priority="121">
      <formula>INDIRECT(ADDRESS(ROW(),COLUMN()))=TRUNC(INDIRECT(ADDRESS(ROW(),COLUMN())))</formula>
    </cfRule>
  </conditionalFormatting>
  <conditionalFormatting sqref="Z44">
    <cfRule type="expression" dxfId="119" priority="120">
      <formula>INDIRECT(ADDRESS(ROW(),COLUMN()))=TRUNC(INDIRECT(ADDRESS(ROW(),COLUMN())))</formula>
    </cfRule>
  </conditionalFormatting>
  <conditionalFormatting sqref="AA45:AF45">
    <cfRule type="expression" dxfId="118" priority="119">
      <formula>INDIRECT(ADDRESS(ROW(),COLUMN()))=TRUNC(INDIRECT(ADDRESS(ROW(),COLUMN())))</formula>
    </cfRule>
  </conditionalFormatting>
  <conditionalFormatting sqref="AA44:AF44">
    <cfRule type="expression" dxfId="117" priority="118">
      <formula>INDIRECT(ADDRESS(ROW(),COLUMN()))=TRUNC(INDIRECT(ADDRESS(ROW(),COLUMN())))</formula>
    </cfRule>
  </conditionalFormatting>
  <conditionalFormatting sqref="AG45">
    <cfRule type="expression" dxfId="116" priority="117">
      <formula>INDIRECT(ADDRESS(ROW(),COLUMN()))=TRUNC(INDIRECT(ADDRESS(ROW(),COLUMN())))</formula>
    </cfRule>
  </conditionalFormatting>
  <conditionalFormatting sqref="AG44">
    <cfRule type="expression" dxfId="115" priority="116">
      <formula>INDIRECT(ADDRESS(ROW(),COLUMN()))=TRUNC(INDIRECT(ADDRESS(ROW(),COLUMN())))</formula>
    </cfRule>
  </conditionalFormatting>
  <conditionalFormatting sqref="AH45:AM45">
    <cfRule type="expression" dxfId="114" priority="115">
      <formula>INDIRECT(ADDRESS(ROW(),COLUMN()))=TRUNC(INDIRECT(ADDRESS(ROW(),COLUMN())))</formula>
    </cfRule>
  </conditionalFormatting>
  <conditionalFormatting sqref="AH44:AM44">
    <cfRule type="expression" dxfId="113" priority="114">
      <formula>INDIRECT(ADDRESS(ROW(),COLUMN()))=TRUNC(INDIRECT(ADDRESS(ROW(),COLUMN())))</formula>
    </cfRule>
  </conditionalFormatting>
  <conditionalFormatting sqref="AN45">
    <cfRule type="expression" dxfId="112" priority="113">
      <formula>INDIRECT(ADDRESS(ROW(),COLUMN()))=TRUNC(INDIRECT(ADDRESS(ROW(),COLUMN())))</formula>
    </cfRule>
  </conditionalFormatting>
  <conditionalFormatting sqref="AN44">
    <cfRule type="expression" dxfId="111" priority="112">
      <formula>INDIRECT(ADDRESS(ROW(),COLUMN()))=TRUNC(INDIRECT(ADDRESS(ROW(),COLUMN())))</formula>
    </cfRule>
  </conditionalFormatting>
  <conditionalFormatting sqref="AO45:AT45">
    <cfRule type="expression" dxfId="110" priority="111">
      <formula>INDIRECT(ADDRESS(ROW(),COLUMN()))=TRUNC(INDIRECT(ADDRESS(ROW(),COLUMN())))</formula>
    </cfRule>
  </conditionalFormatting>
  <conditionalFormatting sqref="AO44:AT44">
    <cfRule type="expression" dxfId="109" priority="110">
      <formula>INDIRECT(ADDRESS(ROW(),COLUMN()))=TRUNC(INDIRECT(ADDRESS(ROW(),COLUMN())))</formula>
    </cfRule>
  </conditionalFormatting>
  <conditionalFormatting sqref="AU45">
    <cfRule type="expression" dxfId="108" priority="109">
      <formula>INDIRECT(ADDRESS(ROW(),COLUMN()))=TRUNC(INDIRECT(ADDRESS(ROW(),COLUMN())))</formula>
    </cfRule>
  </conditionalFormatting>
  <conditionalFormatting sqref="AU44">
    <cfRule type="expression" dxfId="107" priority="108">
      <formula>INDIRECT(ADDRESS(ROW(),COLUMN()))=TRUNC(INDIRECT(ADDRESS(ROW(),COLUMN())))</formula>
    </cfRule>
  </conditionalFormatting>
  <conditionalFormatting sqref="AV45:AW45">
    <cfRule type="expression" dxfId="106" priority="107">
      <formula>INDIRECT(ADDRESS(ROW(),COLUMN()))=TRUNC(INDIRECT(ADDRESS(ROW(),COLUMN())))</formula>
    </cfRule>
  </conditionalFormatting>
  <conditionalFormatting sqref="AV44:AW44">
    <cfRule type="expression" dxfId="105" priority="106">
      <formula>INDIRECT(ADDRESS(ROW(),COLUMN()))=TRUNC(INDIRECT(ADDRESS(ROW(),COLUMN())))</formula>
    </cfRule>
  </conditionalFormatting>
  <conditionalFormatting sqref="S48">
    <cfRule type="expression" dxfId="104" priority="105">
      <formula>INDIRECT(ADDRESS(ROW(),COLUMN()))=TRUNC(INDIRECT(ADDRESS(ROW(),COLUMN())))</formula>
    </cfRule>
  </conditionalFormatting>
  <conditionalFormatting sqref="S47">
    <cfRule type="expression" dxfId="103" priority="104">
      <formula>INDIRECT(ADDRESS(ROW(),COLUMN()))=TRUNC(INDIRECT(ADDRESS(ROW(),COLUMN())))</formula>
    </cfRule>
  </conditionalFormatting>
  <conditionalFormatting sqref="T48:Y48">
    <cfRule type="expression" dxfId="102" priority="103">
      <formula>INDIRECT(ADDRESS(ROW(),COLUMN()))=TRUNC(INDIRECT(ADDRESS(ROW(),COLUMN())))</formula>
    </cfRule>
  </conditionalFormatting>
  <conditionalFormatting sqref="T47:Y47">
    <cfRule type="expression" dxfId="101" priority="102">
      <formula>INDIRECT(ADDRESS(ROW(),COLUMN()))=TRUNC(INDIRECT(ADDRESS(ROW(),COLUMN())))</formula>
    </cfRule>
  </conditionalFormatting>
  <conditionalFormatting sqref="AX47:BA48">
    <cfRule type="expression" dxfId="100" priority="101">
      <formula>INDIRECT(ADDRESS(ROW(),COLUMN()))=TRUNC(INDIRECT(ADDRESS(ROW(),COLUMN())))</formula>
    </cfRule>
  </conditionalFormatting>
  <conditionalFormatting sqref="Z48">
    <cfRule type="expression" dxfId="99" priority="100">
      <formula>INDIRECT(ADDRESS(ROW(),COLUMN()))=TRUNC(INDIRECT(ADDRESS(ROW(),COLUMN())))</formula>
    </cfRule>
  </conditionalFormatting>
  <conditionalFormatting sqref="Z47">
    <cfRule type="expression" dxfId="98" priority="99">
      <formula>INDIRECT(ADDRESS(ROW(),COLUMN()))=TRUNC(INDIRECT(ADDRESS(ROW(),COLUMN())))</formula>
    </cfRule>
  </conditionalFormatting>
  <conditionalFormatting sqref="AA48:AF48">
    <cfRule type="expression" dxfId="97" priority="98">
      <formula>INDIRECT(ADDRESS(ROW(),COLUMN()))=TRUNC(INDIRECT(ADDRESS(ROW(),COLUMN())))</formula>
    </cfRule>
  </conditionalFormatting>
  <conditionalFormatting sqref="AA47:AF47">
    <cfRule type="expression" dxfId="96" priority="97">
      <formula>INDIRECT(ADDRESS(ROW(),COLUMN()))=TRUNC(INDIRECT(ADDRESS(ROW(),COLUMN())))</formula>
    </cfRule>
  </conditionalFormatting>
  <conditionalFormatting sqref="AG48">
    <cfRule type="expression" dxfId="95" priority="96">
      <formula>INDIRECT(ADDRESS(ROW(),COLUMN()))=TRUNC(INDIRECT(ADDRESS(ROW(),COLUMN())))</formula>
    </cfRule>
  </conditionalFormatting>
  <conditionalFormatting sqref="AG47">
    <cfRule type="expression" dxfId="94" priority="95">
      <formula>INDIRECT(ADDRESS(ROW(),COLUMN()))=TRUNC(INDIRECT(ADDRESS(ROW(),COLUMN())))</formula>
    </cfRule>
  </conditionalFormatting>
  <conditionalFormatting sqref="AH48:AM48">
    <cfRule type="expression" dxfId="93" priority="94">
      <formula>INDIRECT(ADDRESS(ROW(),COLUMN()))=TRUNC(INDIRECT(ADDRESS(ROW(),COLUMN())))</formula>
    </cfRule>
  </conditionalFormatting>
  <conditionalFormatting sqref="AH47:AM47">
    <cfRule type="expression" dxfId="92" priority="93">
      <formula>INDIRECT(ADDRESS(ROW(),COLUMN()))=TRUNC(INDIRECT(ADDRESS(ROW(),COLUMN())))</formula>
    </cfRule>
  </conditionalFormatting>
  <conditionalFormatting sqref="AN48">
    <cfRule type="expression" dxfId="91" priority="92">
      <formula>INDIRECT(ADDRESS(ROW(),COLUMN()))=TRUNC(INDIRECT(ADDRESS(ROW(),COLUMN())))</formula>
    </cfRule>
  </conditionalFormatting>
  <conditionalFormatting sqref="AN47">
    <cfRule type="expression" dxfId="90" priority="91">
      <formula>INDIRECT(ADDRESS(ROW(),COLUMN()))=TRUNC(INDIRECT(ADDRESS(ROW(),COLUMN())))</formula>
    </cfRule>
  </conditionalFormatting>
  <conditionalFormatting sqref="AO48:AT48">
    <cfRule type="expression" dxfId="89" priority="90">
      <formula>INDIRECT(ADDRESS(ROW(),COLUMN()))=TRUNC(INDIRECT(ADDRESS(ROW(),COLUMN())))</formula>
    </cfRule>
  </conditionalFormatting>
  <conditionalFormatting sqref="AO47:AT47">
    <cfRule type="expression" dxfId="88" priority="89">
      <formula>INDIRECT(ADDRESS(ROW(),COLUMN()))=TRUNC(INDIRECT(ADDRESS(ROW(),COLUMN())))</formula>
    </cfRule>
  </conditionalFormatting>
  <conditionalFormatting sqref="AU48">
    <cfRule type="expression" dxfId="87" priority="88">
      <formula>INDIRECT(ADDRESS(ROW(),COLUMN()))=TRUNC(INDIRECT(ADDRESS(ROW(),COLUMN())))</formula>
    </cfRule>
  </conditionalFormatting>
  <conditionalFormatting sqref="AU47">
    <cfRule type="expression" dxfId="86" priority="87">
      <formula>INDIRECT(ADDRESS(ROW(),COLUMN()))=TRUNC(INDIRECT(ADDRESS(ROW(),COLUMN())))</formula>
    </cfRule>
  </conditionalFormatting>
  <conditionalFormatting sqref="AV48:AW48">
    <cfRule type="expression" dxfId="85" priority="86">
      <formula>INDIRECT(ADDRESS(ROW(),COLUMN()))=TRUNC(INDIRECT(ADDRESS(ROW(),COLUMN())))</formula>
    </cfRule>
  </conditionalFormatting>
  <conditionalFormatting sqref="AV47:AW47">
    <cfRule type="expression" dxfId="84" priority="85">
      <formula>INDIRECT(ADDRESS(ROW(),COLUMN()))=TRUNC(INDIRECT(ADDRESS(ROW(),COLUMN())))</formula>
    </cfRule>
  </conditionalFormatting>
  <conditionalFormatting sqref="S51">
    <cfRule type="expression" dxfId="83" priority="84">
      <formula>INDIRECT(ADDRESS(ROW(),COLUMN()))=TRUNC(INDIRECT(ADDRESS(ROW(),COLUMN())))</formula>
    </cfRule>
  </conditionalFormatting>
  <conditionalFormatting sqref="S50">
    <cfRule type="expression" dxfId="82" priority="83">
      <formula>INDIRECT(ADDRESS(ROW(),COLUMN()))=TRUNC(INDIRECT(ADDRESS(ROW(),COLUMN())))</formula>
    </cfRule>
  </conditionalFormatting>
  <conditionalFormatting sqref="T51:Y51">
    <cfRule type="expression" dxfId="81" priority="82">
      <formula>INDIRECT(ADDRESS(ROW(),COLUMN()))=TRUNC(INDIRECT(ADDRESS(ROW(),COLUMN())))</formula>
    </cfRule>
  </conditionalFormatting>
  <conditionalFormatting sqref="T50:Y50">
    <cfRule type="expression" dxfId="80" priority="81">
      <formula>INDIRECT(ADDRESS(ROW(),COLUMN()))=TRUNC(INDIRECT(ADDRESS(ROW(),COLUMN())))</formula>
    </cfRule>
  </conditionalFormatting>
  <conditionalFormatting sqref="AX50:BA51">
    <cfRule type="expression" dxfId="79" priority="80">
      <formula>INDIRECT(ADDRESS(ROW(),COLUMN()))=TRUNC(INDIRECT(ADDRESS(ROW(),COLUMN())))</formula>
    </cfRule>
  </conditionalFormatting>
  <conditionalFormatting sqref="Z51">
    <cfRule type="expression" dxfId="78" priority="79">
      <formula>INDIRECT(ADDRESS(ROW(),COLUMN()))=TRUNC(INDIRECT(ADDRESS(ROW(),COLUMN())))</formula>
    </cfRule>
  </conditionalFormatting>
  <conditionalFormatting sqref="Z50">
    <cfRule type="expression" dxfId="77" priority="78">
      <formula>INDIRECT(ADDRESS(ROW(),COLUMN()))=TRUNC(INDIRECT(ADDRESS(ROW(),COLUMN())))</formula>
    </cfRule>
  </conditionalFormatting>
  <conditionalFormatting sqref="AA51:AF51">
    <cfRule type="expression" dxfId="76" priority="77">
      <formula>INDIRECT(ADDRESS(ROW(),COLUMN()))=TRUNC(INDIRECT(ADDRESS(ROW(),COLUMN())))</formula>
    </cfRule>
  </conditionalFormatting>
  <conditionalFormatting sqref="AA50:AF50">
    <cfRule type="expression" dxfId="75" priority="76">
      <formula>INDIRECT(ADDRESS(ROW(),COLUMN()))=TRUNC(INDIRECT(ADDRESS(ROW(),COLUMN())))</formula>
    </cfRule>
  </conditionalFormatting>
  <conditionalFormatting sqref="AG51">
    <cfRule type="expression" dxfId="74" priority="75">
      <formula>INDIRECT(ADDRESS(ROW(),COLUMN()))=TRUNC(INDIRECT(ADDRESS(ROW(),COLUMN())))</formula>
    </cfRule>
  </conditionalFormatting>
  <conditionalFormatting sqref="AG50">
    <cfRule type="expression" dxfId="73" priority="74">
      <formula>INDIRECT(ADDRESS(ROW(),COLUMN()))=TRUNC(INDIRECT(ADDRESS(ROW(),COLUMN())))</formula>
    </cfRule>
  </conditionalFormatting>
  <conditionalFormatting sqref="AH51:AM51">
    <cfRule type="expression" dxfId="72" priority="73">
      <formula>INDIRECT(ADDRESS(ROW(),COLUMN()))=TRUNC(INDIRECT(ADDRESS(ROW(),COLUMN())))</formula>
    </cfRule>
  </conditionalFormatting>
  <conditionalFormatting sqref="AH50:AM50">
    <cfRule type="expression" dxfId="71" priority="72">
      <formula>INDIRECT(ADDRESS(ROW(),COLUMN()))=TRUNC(INDIRECT(ADDRESS(ROW(),COLUMN())))</formula>
    </cfRule>
  </conditionalFormatting>
  <conditionalFormatting sqref="AN51">
    <cfRule type="expression" dxfId="70" priority="71">
      <formula>INDIRECT(ADDRESS(ROW(),COLUMN()))=TRUNC(INDIRECT(ADDRESS(ROW(),COLUMN())))</formula>
    </cfRule>
  </conditionalFormatting>
  <conditionalFormatting sqref="AN50">
    <cfRule type="expression" dxfId="69" priority="70">
      <formula>INDIRECT(ADDRESS(ROW(),COLUMN()))=TRUNC(INDIRECT(ADDRESS(ROW(),COLUMN())))</formula>
    </cfRule>
  </conditionalFormatting>
  <conditionalFormatting sqref="AO51:AT51">
    <cfRule type="expression" dxfId="68" priority="69">
      <formula>INDIRECT(ADDRESS(ROW(),COLUMN()))=TRUNC(INDIRECT(ADDRESS(ROW(),COLUMN())))</formula>
    </cfRule>
  </conditionalFormatting>
  <conditionalFormatting sqref="AO50:AT50">
    <cfRule type="expression" dxfId="67" priority="68">
      <formula>INDIRECT(ADDRESS(ROW(),COLUMN()))=TRUNC(INDIRECT(ADDRESS(ROW(),COLUMN())))</formula>
    </cfRule>
  </conditionalFormatting>
  <conditionalFormatting sqref="AU51">
    <cfRule type="expression" dxfId="66" priority="67">
      <formula>INDIRECT(ADDRESS(ROW(),COLUMN()))=TRUNC(INDIRECT(ADDRESS(ROW(),COLUMN())))</formula>
    </cfRule>
  </conditionalFormatting>
  <conditionalFormatting sqref="AU50">
    <cfRule type="expression" dxfId="65" priority="66">
      <formula>INDIRECT(ADDRESS(ROW(),COLUMN()))=TRUNC(INDIRECT(ADDRESS(ROW(),COLUMN())))</formula>
    </cfRule>
  </conditionalFormatting>
  <conditionalFormatting sqref="AV51:AW51">
    <cfRule type="expression" dxfId="64" priority="65">
      <formula>INDIRECT(ADDRESS(ROW(),COLUMN()))=TRUNC(INDIRECT(ADDRESS(ROW(),COLUMN())))</formula>
    </cfRule>
  </conditionalFormatting>
  <conditionalFormatting sqref="AV50:AW50">
    <cfRule type="expression" dxfId="63" priority="64">
      <formula>INDIRECT(ADDRESS(ROW(),COLUMN()))=TRUNC(INDIRECT(ADDRESS(ROW(),COLUMN())))</formula>
    </cfRule>
  </conditionalFormatting>
  <conditionalFormatting sqref="S54">
    <cfRule type="expression" dxfId="62" priority="63">
      <formula>INDIRECT(ADDRESS(ROW(),COLUMN()))=TRUNC(INDIRECT(ADDRESS(ROW(),COLUMN())))</formula>
    </cfRule>
  </conditionalFormatting>
  <conditionalFormatting sqref="S53">
    <cfRule type="expression" dxfId="61" priority="62">
      <formula>INDIRECT(ADDRESS(ROW(),COLUMN()))=TRUNC(INDIRECT(ADDRESS(ROW(),COLUMN())))</formula>
    </cfRule>
  </conditionalFormatting>
  <conditionalFormatting sqref="T54:Y54">
    <cfRule type="expression" dxfId="60" priority="61">
      <formula>INDIRECT(ADDRESS(ROW(),COLUMN()))=TRUNC(INDIRECT(ADDRESS(ROW(),COLUMN())))</formula>
    </cfRule>
  </conditionalFormatting>
  <conditionalFormatting sqref="T53:Y53">
    <cfRule type="expression" dxfId="59" priority="60">
      <formula>INDIRECT(ADDRESS(ROW(),COLUMN()))=TRUNC(INDIRECT(ADDRESS(ROW(),COLUMN())))</formula>
    </cfRule>
  </conditionalFormatting>
  <conditionalFormatting sqref="AX53:BA54">
    <cfRule type="expression" dxfId="58" priority="59">
      <formula>INDIRECT(ADDRESS(ROW(),COLUMN()))=TRUNC(INDIRECT(ADDRESS(ROW(),COLUMN())))</formula>
    </cfRule>
  </conditionalFormatting>
  <conditionalFormatting sqref="Z54">
    <cfRule type="expression" dxfId="57" priority="58">
      <formula>INDIRECT(ADDRESS(ROW(),COLUMN()))=TRUNC(INDIRECT(ADDRESS(ROW(),COLUMN())))</formula>
    </cfRule>
  </conditionalFormatting>
  <conditionalFormatting sqref="Z53">
    <cfRule type="expression" dxfId="56" priority="57">
      <formula>INDIRECT(ADDRESS(ROW(),COLUMN()))=TRUNC(INDIRECT(ADDRESS(ROW(),COLUMN())))</formula>
    </cfRule>
  </conditionalFormatting>
  <conditionalFormatting sqref="AA54:AF54">
    <cfRule type="expression" dxfId="55" priority="56">
      <formula>INDIRECT(ADDRESS(ROW(),COLUMN()))=TRUNC(INDIRECT(ADDRESS(ROW(),COLUMN())))</formula>
    </cfRule>
  </conditionalFormatting>
  <conditionalFormatting sqref="AA53:AF53">
    <cfRule type="expression" dxfId="54" priority="55">
      <formula>INDIRECT(ADDRESS(ROW(),COLUMN()))=TRUNC(INDIRECT(ADDRESS(ROW(),COLUMN())))</formula>
    </cfRule>
  </conditionalFormatting>
  <conditionalFormatting sqref="AG54">
    <cfRule type="expression" dxfId="53" priority="54">
      <formula>INDIRECT(ADDRESS(ROW(),COLUMN()))=TRUNC(INDIRECT(ADDRESS(ROW(),COLUMN())))</formula>
    </cfRule>
  </conditionalFormatting>
  <conditionalFormatting sqref="AG53">
    <cfRule type="expression" dxfId="52" priority="53">
      <formula>INDIRECT(ADDRESS(ROW(),COLUMN()))=TRUNC(INDIRECT(ADDRESS(ROW(),COLUMN())))</formula>
    </cfRule>
  </conditionalFormatting>
  <conditionalFormatting sqref="AH54:AM54">
    <cfRule type="expression" dxfId="51" priority="52">
      <formula>INDIRECT(ADDRESS(ROW(),COLUMN()))=TRUNC(INDIRECT(ADDRESS(ROW(),COLUMN())))</formula>
    </cfRule>
  </conditionalFormatting>
  <conditionalFormatting sqref="AH53:AM53">
    <cfRule type="expression" dxfId="50" priority="51">
      <formula>INDIRECT(ADDRESS(ROW(),COLUMN()))=TRUNC(INDIRECT(ADDRESS(ROW(),COLUMN())))</formula>
    </cfRule>
  </conditionalFormatting>
  <conditionalFormatting sqref="AN54">
    <cfRule type="expression" dxfId="49" priority="50">
      <formula>INDIRECT(ADDRESS(ROW(),COLUMN()))=TRUNC(INDIRECT(ADDRESS(ROW(),COLUMN())))</formula>
    </cfRule>
  </conditionalFormatting>
  <conditionalFormatting sqref="AN53">
    <cfRule type="expression" dxfId="48" priority="49">
      <formula>INDIRECT(ADDRESS(ROW(),COLUMN()))=TRUNC(INDIRECT(ADDRESS(ROW(),COLUMN())))</formula>
    </cfRule>
  </conditionalFormatting>
  <conditionalFormatting sqref="AO54:AT54">
    <cfRule type="expression" dxfId="47" priority="48">
      <formula>INDIRECT(ADDRESS(ROW(),COLUMN()))=TRUNC(INDIRECT(ADDRESS(ROW(),COLUMN())))</formula>
    </cfRule>
  </conditionalFormatting>
  <conditionalFormatting sqref="AO53:AT53">
    <cfRule type="expression" dxfId="46" priority="47">
      <formula>INDIRECT(ADDRESS(ROW(),COLUMN()))=TRUNC(INDIRECT(ADDRESS(ROW(),COLUMN())))</formula>
    </cfRule>
  </conditionalFormatting>
  <conditionalFormatting sqref="AU54">
    <cfRule type="expression" dxfId="45" priority="46">
      <formula>INDIRECT(ADDRESS(ROW(),COLUMN()))=TRUNC(INDIRECT(ADDRESS(ROW(),COLUMN())))</formula>
    </cfRule>
  </conditionalFormatting>
  <conditionalFormatting sqref="AU53">
    <cfRule type="expression" dxfId="44" priority="45">
      <formula>INDIRECT(ADDRESS(ROW(),COLUMN()))=TRUNC(INDIRECT(ADDRESS(ROW(),COLUMN())))</formula>
    </cfRule>
  </conditionalFormatting>
  <conditionalFormatting sqref="AV54:AW54">
    <cfRule type="expression" dxfId="43" priority="44">
      <formula>INDIRECT(ADDRESS(ROW(),COLUMN()))=TRUNC(INDIRECT(ADDRESS(ROW(),COLUMN())))</formula>
    </cfRule>
  </conditionalFormatting>
  <conditionalFormatting sqref="AV53:AW53">
    <cfRule type="expression" dxfId="42" priority="43">
      <formula>INDIRECT(ADDRESS(ROW(),COLUMN()))=TRUNC(INDIRECT(ADDRESS(ROW(),COLUMN())))</formula>
    </cfRule>
  </conditionalFormatting>
  <conditionalFormatting sqref="S57">
    <cfRule type="expression" dxfId="41" priority="42">
      <formula>INDIRECT(ADDRESS(ROW(),COLUMN()))=TRUNC(INDIRECT(ADDRESS(ROW(),COLUMN())))</formula>
    </cfRule>
  </conditionalFormatting>
  <conditionalFormatting sqref="S56">
    <cfRule type="expression" dxfId="40" priority="41">
      <formula>INDIRECT(ADDRESS(ROW(),COLUMN()))=TRUNC(INDIRECT(ADDRESS(ROW(),COLUMN())))</formula>
    </cfRule>
  </conditionalFormatting>
  <conditionalFormatting sqref="T57:Y57">
    <cfRule type="expression" dxfId="39" priority="40">
      <formula>INDIRECT(ADDRESS(ROW(),COLUMN()))=TRUNC(INDIRECT(ADDRESS(ROW(),COLUMN())))</formula>
    </cfRule>
  </conditionalFormatting>
  <conditionalFormatting sqref="T56:Y56">
    <cfRule type="expression" dxfId="38" priority="39">
      <formula>INDIRECT(ADDRESS(ROW(),COLUMN()))=TRUNC(INDIRECT(ADDRESS(ROW(),COLUMN())))</formula>
    </cfRule>
  </conditionalFormatting>
  <conditionalFormatting sqref="AX56:BA57">
    <cfRule type="expression" dxfId="37" priority="38">
      <formula>INDIRECT(ADDRESS(ROW(),COLUMN()))=TRUNC(INDIRECT(ADDRESS(ROW(),COLUMN())))</formula>
    </cfRule>
  </conditionalFormatting>
  <conditionalFormatting sqref="Z57">
    <cfRule type="expression" dxfId="36" priority="37">
      <formula>INDIRECT(ADDRESS(ROW(),COLUMN()))=TRUNC(INDIRECT(ADDRESS(ROW(),COLUMN())))</formula>
    </cfRule>
  </conditionalFormatting>
  <conditionalFormatting sqref="Z56">
    <cfRule type="expression" dxfId="35" priority="36">
      <formula>INDIRECT(ADDRESS(ROW(),COLUMN()))=TRUNC(INDIRECT(ADDRESS(ROW(),COLUMN())))</formula>
    </cfRule>
  </conditionalFormatting>
  <conditionalFormatting sqref="AA57:AF57">
    <cfRule type="expression" dxfId="34" priority="35">
      <formula>INDIRECT(ADDRESS(ROW(),COLUMN()))=TRUNC(INDIRECT(ADDRESS(ROW(),COLUMN())))</formula>
    </cfRule>
  </conditionalFormatting>
  <conditionalFormatting sqref="AA56:AF56">
    <cfRule type="expression" dxfId="33" priority="34">
      <formula>INDIRECT(ADDRESS(ROW(),COLUMN()))=TRUNC(INDIRECT(ADDRESS(ROW(),COLUMN())))</formula>
    </cfRule>
  </conditionalFormatting>
  <conditionalFormatting sqref="AG57">
    <cfRule type="expression" dxfId="32" priority="33">
      <formula>INDIRECT(ADDRESS(ROW(),COLUMN()))=TRUNC(INDIRECT(ADDRESS(ROW(),COLUMN())))</formula>
    </cfRule>
  </conditionalFormatting>
  <conditionalFormatting sqref="AG56">
    <cfRule type="expression" dxfId="31" priority="32">
      <formula>INDIRECT(ADDRESS(ROW(),COLUMN()))=TRUNC(INDIRECT(ADDRESS(ROW(),COLUMN())))</formula>
    </cfRule>
  </conditionalFormatting>
  <conditionalFormatting sqref="AH57:AM57">
    <cfRule type="expression" dxfId="30" priority="31">
      <formula>INDIRECT(ADDRESS(ROW(),COLUMN()))=TRUNC(INDIRECT(ADDRESS(ROW(),COLUMN())))</formula>
    </cfRule>
  </conditionalFormatting>
  <conditionalFormatting sqref="AH56:AM56">
    <cfRule type="expression" dxfId="29" priority="30">
      <formula>INDIRECT(ADDRESS(ROW(),COLUMN()))=TRUNC(INDIRECT(ADDRESS(ROW(),COLUMN())))</formula>
    </cfRule>
  </conditionalFormatting>
  <conditionalFormatting sqref="AN57">
    <cfRule type="expression" dxfId="28" priority="29">
      <formula>INDIRECT(ADDRESS(ROW(),COLUMN()))=TRUNC(INDIRECT(ADDRESS(ROW(),COLUMN())))</formula>
    </cfRule>
  </conditionalFormatting>
  <conditionalFormatting sqref="AN56">
    <cfRule type="expression" dxfId="27" priority="28">
      <formula>INDIRECT(ADDRESS(ROW(),COLUMN()))=TRUNC(INDIRECT(ADDRESS(ROW(),COLUMN())))</formula>
    </cfRule>
  </conditionalFormatting>
  <conditionalFormatting sqref="AO57:AT57">
    <cfRule type="expression" dxfId="26" priority="27">
      <formula>INDIRECT(ADDRESS(ROW(),COLUMN()))=TRUNC(INDIRECT(ADDRESS(ROW(),COLUMN())))</formula>
    </cfRule>
  </conditionalFormatting>
  <conditionalFormatting sqref="AO56:AT56">
    <cfRule type="expression" dxfId="25" priority="26">
      <formula>INDIRECT(ADDRESS(ROW(),COLUMN()))=TRUNC(INDIRECT(ADDRESS(ROW(),COLUMN())))</formula>
    </cfRule>
  </conditionalFormatting>
  <conditionalFormatting sqref="AU57">
    <cfRule type="expression" dxfId="24" priority="25">
      <formula>INDIRECT(ADDRESS(ROW(),COLUMN()))=TRUNC(INDIRECT(ADDRESS(ROW(),COLUMN())))</formula>
    </cfRule>
  </conditionalFormatting>
  <conditionalFormatting sqref="AU56">
    <cfRule type="expression" dxfId="23" priority="24">
      <formula>INDIRECT(ADDRESS(ROW(),COLUMN()))=TRUNC(INDIRECT(ADDRESS(ROW(),COLUMN())))</formula>
    </cfRule>
  </conditionalFormatting>
  <conditionalFormatting sqref="AV57:AW57">
    <cfRule type="expression" dxfId="22" priority="23">
      <formula>INDIRECT(ADDRESS(ROW(),COLUMN()))=TRUNC(INDIRECT(ADDRESS(ROW(),COLUMN())))</formula>
    </cfRule>
  </conditionalFormatting>
  <conditionalFormatting sqref="AV56:AW56">
    <cfRule type="expression" dxfId="21" priority="22">
      <formula>INDIRECT(ADDRESS(ROW(),COLUMN()))=TRUNC(INDIRECT(ADDRESS(ROW(),COLUMN())))</formula>
    </cfRule>
  </conditionalFormatting>
  <conditionalFormatting sqref="S60">
    <cfRule type="expression" dxfId="20" priority="21">
      <formula>INDIRECT(ADDRESS(ROW(),COLUMN()))=TRUNC(INDIRECT(ADDRESS(ROW(),COLUMN())))</formula>
    </cfRule>
  </conditionalFormatting>
  <conditionalFormatting sqref="S59">
    <cfRule type="expression" dxfId="19" priority="20">
      <formula>INDIRECT(ADDRESS(ROW(),COLUMN()))=TRUNC(INDIRECT(ADDRESS(ROW(),COLUMN())))</formula>
    </cfRule>
  </conditionalFormatting>
  <conditionalFormatting sqref="T60:Y60">
    <cfRule type="expression" dxfId="18" priority="19">
      <formula>INDIRECT(ADDRESS(ROW(),COLUMN()))=TRUNC(INDIRECT(ADDRESS(ROW(),COLUMN())))</formula>
    </cfRule>
  </conditionalFormatting>
  <conditionalFormatting sqref="T59:Y59">
    <cfRule type="expression" dxfId="17" priority="18">
      <formula>INDIRECT(ADDRESS(ROW(),COLUMN()))=TRUNC(INDIRECT(ADDRESS(ROW(),COLUMN())))</formula>
    </cfRule>
  </conditionalFormatting>
  <conditionalFormatting sqref="AX59:BA60">
    <cfRule type="expression" dxfId="16" priority="17">
      <formula>INDIRECT(ADDRESS(ROW(),COLUMN()))=TRUNC(INDIRECT(ADDRESS(ROW(),COLUMN())))</formula>
    </cfRule>
  </conditionalFormatting>
  <conditionalFormatting sqref="Z60">
    <cfRule type="expression" dxfId="15" priority="16">
      <formula>INDIRECT(ADDRESS(ROW(),COLUMN()))=TRUNC(INDIRECT(ADDRESS(ROW(),COLUMN())))</formula>
    </cfRule>
  </conditionalFormatting>
  <conditionalFormatting sqref="Z59">
    <cfRule type="expression" dxfId="14" priority="15">
      <formula>INDIRECT(ADDRESS(ROW(),COLUMN()))=TRUNC(INDIRECT(ADDRESS(ROW(),COLUMN())))</formula>
    </cfRule>
  </conditionalFormatting>
  <conditionalFormatting sqref="AA60:AF60">
    <cfRule type="expression" dxfId="13" priority="14">
      <formula>INDIRECT(ADDRESS(ROW(),COLUMN()))=TRUNC(INDIRECT(ADDRESS(ROW(),COLUMN())))</formula>
    </cfRule>
  </conditionalFormatting>
  <conditionalFormatting sqref="AA59:AF59">
    <cfRule type="expression" dxfId="12" priority="13">
      <formula>INDIRECT(ADDRESS(ROW(),COLUMN()))=TRUNC(INDIRECT(ADDRESS(ROW(),COLUMN())))</formula>
    </cfRule>
  </conditionalFormatting>
  <conditionalFormatting sqref="AG60">
    <cfRule type="expression" dxfId="11" priority="12">
      <formula>INDIRECT(ADDRESS(ROW(),COLUMN()))=TRUNC(INDIRECT(ADDRESS(ROW(),COLUMN())))</formula>
    </cfRule>
  </conditionalFormatting>
  <conditionalFormatting sqref="AG59">
    <cfRule type="expression" dxfId="10" priority="11">
      <formula>INDIRECT(ADDRESS(ROW(),COLUMN()))=TRUNC(INDIRECT(ADDRESS(ROW(),COLUMN())))</formula>
    </cfRule>
  </conditionalFormatting>
  <conditionalFormatting sqref="AH60:AM60">
    <cfRule type="expression" dxfId="9" priority="10">
      <formula>INDIRECT(ADDRESS(ROW(),COLUMN()))=TRUNC(INDIRECT(ADDRESS(ROW(),COLUMN())))</formula>
    </cfRule>
  </conditionalFormatting>
  <conditionalFormatting sqref="AH59:AM59">
    <cfRule type="expression" dxfId="8" priority="9">
      <formula>INDIRECT(ADDRESS(ROW(),COLUMN()))=TRUNC(INDIRECT(ADDRESS(ROW(),COLUMN())))</formula>
    </cfRule>
  </conditionalFormatting>
  <conditionalFormatting sqref="AN60">
    <cfRule type="expression" dxfId="7" priority="8">
      <formula>INDIRECT(ADDRESS(ROW(),COLUMN()))=TRUNC(INDIRECT(ADDRESS(ROW(),COLUMN())))</formula>
    </cfRule>
  </conditionalFormatting>
  <conditionalFormatting sqref="AN59">
    <cfRule type="expression" dxfId="6" priority="7">
      <formula>INDIRECT(ADDRESS(ROW(),COLUMN()))=TRUNC(INDIRECT(ADDRESS(ROW(),COLUMN())))</formula>
    </cfRule>
  </conditionalFormatting>
  <conditionalFormatting sqref="AO60:AT60">
    <cfRule type="expression" dxfId="5" priority="6">
      <formula>INDIRECT(ADDRESS(ROW(),COLUMN()))=TRUNC(INDIRECT(ADDRESS(ROW(),COLUMN())))</formula>
    </cfRule>
  </conditionalFormatting>
  <conditionalFormatting sqref="AO59:AT59">
    <cfRule type="expression" dxfId="4" priority="5">
      <formula>INDIRECT(ADDRESS(ROW(),COLUMN()))=TRUNC(INDIRECT(ADDRESS(ROW(),COLUMN())))</formula>
    </cfRule>
  </conditionalFormatting>
  <conditionalFormatting sqref="AU60">
    <cfRule type="expression" dxfId="3" priority="4">
      <formula>INDIRECT(ADDRESS(ROW(),COLUMN()))=TRUNC(INDIRECT(ADDRESS(ROW(),COLUMN())))</formula>
    </cfRule>
  </conditionalFormatting>
  <conditionalFormatting sqref="AU59">
    <cfRule type="expression" dxfId="2" priority="3">
      <formula>INDIRECT(ADDRESS(ROW(),COLUMN()))=TRUNC(INDIRECT(ADDRESS(ROW(),COLUMN())))</formula>
    </cfRule>
  </conditionalFormatting>
  <conditionalFormatting sqref="AV60:AW60">
    <cfRule type="expression" dxfId="1" priority="2">
      <formula>INDIRECT(ADDRESS(ROW(),COLUMN()))=TRUNC(INDIRECT(ADDRESS(ROW(),COLUMN())))</formula>
    </cfRule>
  </conditionalFormatting>
  <conditionalFormatting sqref="AV59:AW59">
    <cfRule type="expression" dxfId="0" priority="1">
      <formula>INDIRECT(ADDRESS(ROW(),COLUMN()))=TRUNC(INDIRECT(ADDRESS(ROW(),COLUMN())))</formula>
    </cfRule>
  </conditionalFormatting>
  <dataValidations count="9">
    <dataValidation type="list" allowBlank="1" showInputMessage="1" sqref="AP1:BE1" xr:uid="{CDD75123-8FC2-4A11-809F-55AD4E2C2471}">
      <formula1>#REF!</formula1>
    </dataValidation>
    <dataValidation type="list" errorStyle="warning" allowBlank="1" showInputMessage="1" error="リストにない場合のみ、入力してください。" sqref="H22:K60" xr:uid="{166E72F0-0A67-4C29-8784-5CBB5FB3CEE8}">
      <formula1>INDIRECT(C22)</formula1>
    </dataValidation>
    <dataValidation type="list" allowBlank="1" showInputMessage="1" showErrorMessage="1" sqref="BB3:BE3" xr:uid="{DEEDB59D-52A9-4411-AB05-254B2DC4F26C}">
      <formula1>"４週,暦月"</formula1>
    </dataValidation>
    <dataValidation type="list" allowBlank="1" showInputMessage="1" showErrorMessage="1" sqref="AC3" xr:uid="{781B9F88-AD24-4C84-B81D-039E5ED8031D}">
      <formula1>#REF!</formula1>
    </dataValidation>
    <dataValidation type="list" allowBlank="1" showInputMessage="1" sqref="C22:E60" xr:uid="{88C0DCC1-509A-40F8-B1F4-590F9467F95A}">
      <formula1>職種</formula1>
    </dataValidation>
    <dataValidation type="list" allowBlank="1" showInputMessage="1" showErrorMessage="1" sqref="BB4:BE4" xr:uid="{35B7BFC0-8173-4EF5-8AFA-159930561746}">
      <formula1>"予定,実績,予定・実績"</formula1>
    </dataValidation>
    <dataValidation type="list" allowBlank="1" showInputMessage="1" sqref="S22:AW22 S25:AW25 S28:AW28 S31:AW31 S34:AW34 S37:AW37 S40:AW40 S43:AW43 S46:AW46 S49:AW49 S52:AW52 S55:AW55 S58:AW58" xr:uid="{489C9211-99EB-4DD5-8B5D-7D3249EEDB32}">
      <formula1>シフト記号表</formula1>
    </dataValidation>
    <dataValidation type="list" allowBlank="1" showInputMessage="1" sqref="G22:G60" xr:uid="{3DAB8D31-1C33-4045-8277-48876954C7C3}">
      <formula1>"A, B, C, D"</formula1>
    </dataValidation>
    <dataValidation type="decimal" allowBlank="1" showInputMessage="1" showErrorMessage="1" error="入力可能範囲　32～40" sqref="AX6" xr:uid="{B599BF9A-ABCE-46B7-ACDA-A8EE127A2D0F}">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29" orientation="portrait" r:id="rId1"/>
  <headerFooter>
    <oddFooter>&amp;R&amp;14&amp;P/&amp;N</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207B04-EFB0-4CA3-A06A-A07808DDDA5C}">
  <sheetPr>
    <pageSetUpPr fitToPage="1"/>
  </sheetPr>
  <dimension ref="B1:BS74"/>
  <sheetViews>
    <sheetView workbookViewId="0">
      <selection activeCell="Z18" sqref="Z18:AA18"/>
    </sheetView>
  </sheetViews>
  <sheetFormatPr defaultColWidth="9" defaultRowHeight="18.75" x14ac:dyDescent="0.4"/>
  <cols>
    <col min="1" max="1" width="1.875" style="91" customWidth="1"/>
    <col min="2" max="3" width="9" style="91"/>
    <col min="4" max="4" width="45.625" style="91" customWidth="1"/>
    <col min="5" max="16384" width="9" style="91"/>
  </cols>
  <sheetData>
    <row r="1" spans="2:11" x14ac:dyDescent="0.4">
      <c r="B1" s="91" t="s">
        <v>85</v>
      </c>
      <c r="D1" s="93"/>
      <c r="E1" s="93"/>
      <c r="F1" s="93"/>
    </row>
    <row r="2" spans="2:11" s="153" customFormat="1" ht="20.25" customHeight="1" x14ac:dyDescent="0.4">
      <c r="B2" s="92" t="s">
        <v>207</v>
      </c>
      <c r="C2" s="92"/>
      <c r="D2" s="93"/>
      <c r="E2" s="93"/>
      <c r="F2" s="93"/>
    </row>
    <row r="3" spans="2:11" s="153" customFormat="1" ht="20.25" customHeight="1" x14ac:dyDescent="0.4">
      <c r="B3" s="92"/>
      <c r="C3" s="92"/>
      <c r="D3" s="93"/>
      <c r="E3" s="93"/>
      <c r="F3" s="93"/>
    </row>
    <row r="4" spans="2:11" s="153" customFormat="1" ht="20.25" customHeight="1" x14ac:dyDescent="0.4">
      <c r="B4" s="95"/>
      <c r="C4" s="93" t="s">
        <v>87</v>
      </c>
      <c r="D4" s="93"/>
      <c r="F4" s="646" t="s">
        <v>208</v>
      </c>
      <c r="G4" s="646"/>
      <c r="H4" s="646"/>
      <c r="I4" s="646"/>
      <c r="J4" s="646"/>
      <c r="K4" s="646"/>
    </row>
    <row r="5" spans="2:11" s="153" customFormat="1" ht="20.25" customHeight="1" x14ac:dyDescent="0.4">
      <c r="B5" s="226"/>
      <c r="C5" s="93" t="s">
        <v>89</v>
      </c>
      <c r="D5" s="93"/>
      <c r="F5" s="646"/>
      <c r="G5" s="646"/>
      <c r="H5" s="646"/>
      <c r="I5" s="646"/>
      <c r="J5" s="646"/>
      <c r="K5" s="646"/>
    </row>
    <row r="6" spans="2:11" s="153" customFormat="1" ht="20.25" customHeight="1" x14ac:dyDescent="0.4">
      <c r="B6" s="97" t="s">
        <v>209</v>
      </c>
      <c r="C6" s="93"/>
      <c r="D6" s="93"/>
      <c r="E6" s="227"/>
      <c r="F6" s="93"/>
    </row>
    <row r="7" spans="2:11" s="153" customFormat="1" ht="20.25" customHeight="1" x14ac:dyDescent="0.4">
      <c r="B7" s="92"/>
      <c r="C7" s="92"/>
      <c r="D7" s="93"/>
      <c r="E7" s="227"/>
      <c r="F7" s="93"/>
    </row>
    <row r="8" spans="2:11" s="153" customFormat="1" ht="20.25" customHeight="1" x14ac:dyDescent="0.4">
      <c r="B8" s="93" t="s">
        <v>90</v>
      </c>
      <c r="C8" s="92"/>
      <c r="D8" s="93"/>
      <c r="E8" s="227"/>
      <c r="F8" s="93"/>
    </row>
    <row r="9" spans="2:11" s="153" customFormat="1" ht="20.25" customHeight="1" x14ac:dyDescent="0.4">
      <c r="B9" s="92"/>
      <c r="C9" s="92"/>
      <c r="D9" s="93"/>
      <c r="E9" s="93"/>
      <c r="F9" s="93"/>
    </row>
    <row r="10" spans="2:11" s="153" customFormat="1" ht="20.25" customHeight="1" x14ac:dyDescent="0.4">
      <c r="B10" s="93" t="s">
        <v>91</v>
      </c>
      <c r="C10" s="92"/>
      <c r="D10" s="93"/>
      <c r="E10" s="93"/>
      <c r="F10" s="93"/>
    </row>
    <row r="11" spans="2:11" s="153" customFormat="1" ht="20.25" customHeight="1" x14ac:dyDescent="0.4">
      <c r="B11" s="93"/>
      <c r="C11" s="92"/>
      <c r="D11" s="93"/>
      <c r="E11" s="93"/>
      <c r="F11" s="93"/>
    </row>
    <row r="12" spans="2:11" s="153" customFormat="1" ht="20.25" customHeight="1" x14ac:dyDescent="0.4">
      <c r="B12" s="93" t="s">
        <v>92</v>
      </c>
      <c r="C12" s="92"/>
      <c r="D12" s="93"/>
    </row>
    <row r="13" spans="2:11" s="153" customFormat="1" ht="20.25" customHeight="1" x14ac:dyDescent="0.4">
      <c r="B13" s="93"/>
      <c r="C13" s="92"/>
      <c r="D13" s="93"/>
    </row>
    <row r="14" spans="2:11" s="153" customFormat="1" ht="20.25" customHeight="1" x14ac:dyDescent="0.4">
      <c r="B14" s="93" t="s">
        <v>93</v>
      </c>
      <c r="C14" s="92"/>
      <c r="D14" s="93"/>
    </row>
    <row r="15" spans="2:11" s="153" customFormat="1" ht="20.25" customHeight="1" x14ac:dyDescent="0.4">
      <c r="B15" s="93"/>
      <c r="C15" s="92"/>
      <c r="D15" s="93"/>
    </row>
    <row r="16" spans="2:11" s="153" customFormat="1" ht="20.25" customHeight="1" x14ac:dyDescent="0.4">
      <c r="B16" s="93" t="s">
        <v>210</v>
      </c>
      <c r="C16" s="92"/>
      <c r="D16" s="93"/>
    </row>
    <row r="17" spans="2:25" s="153" customFormat="1" ht="20.25" customHeight="1" x14ac:dyDescent="0.4">
      <c r="B17" s="92"/>
      <c r="C17" s="92"/>
      <c r="D17" s="93"/>
    </row>
    <row r="18" spans="2:25" s="153" customFormat="1" ht="20.25" customHeight="1" x14ac:dyDescent="0.4">
      <c r="B18" s="93" t="s">
        <v>211</v>
      </c>
      <c r="C18" s="92"/>
      <c r="D18" s="93"/>
    </row>
    <row r="19" spans="2:25" s="153" customFormat="1" ht="20.25" customHeight="1" x14ac:dyDescent="0.4">
      <c r="B19" s="92"/>
      <c r="C19" s="92"/>
      <c r="D19" s="93"/>
    </row>
    <row r="20" spans="2:25" s="153" customFormat="1" ht="17.25" customHeight="1" x14ac:dyDescent="0.4">
      <c r="B20" s="93" t="s">
        <v>212</v>
      </c>
      <c r="C20" s="93"/>
      <c r="D20" s="93"/>
    </row>
    <row r="21" spans="2:25" s="153" customFormat="1" ht="17.25" customHeight="1" x14ac:dyDescent="0.4">
      <c r="B21" s="93" t="s">
        <v>95</v>
      </c>
      <c r="C21" s="93"/>
      <c r="D21" s="93"/>
    </row>
    <row r="22" spans="2:25" s="153" customFormat="1" ht="17.25" customHeight="1" x14ac:dyDescent="0.4">
      <c r="B22" s="93"/>
      <c r="C22" s="93"/>
      <c r="D22" s="93"/>
    </row>
    <row r="23" spans="2:25" s="153" customFormat="1" ht="17.25" customHeight="1" x14ac:dyDescent="0.4">
      <c r="B23" s="93"/>
      <c r="C23" s="98" t="s">
        <v>20</v>
      </c>
      <c r="D23" s="98" t="s">
        <v>96</v>
      </c>
    </row>
    <row r="24" spans="2:25" s="153" customFormat="1" ht="17.25" customHeight="1" x14ac:dyDescent="0.4">
      <c r="B24" s="93"/>
      <c r="C24" s="98">
        <v>1</v>
      </c>
      <c r="D24" s="99" t="s">
        <v>97</v>
      </c>
    </row>
    <row r="25" spans="2:25" s="153" customFormat="1" ht="17.25" customHeight="1" x14ac:dyDescent="0.4">
      <c r="B25" s="93"/>
      <c r="C25" s="98">
        <v>2</v>
      </c>
      <c r="D25" s="99" t="s">
        <v>203</v>
      </c>
    </row>
    <row r="26" spans="2:25" s="153" customFormat="1" ht="17.25" customHeight="1" x14ac:dyDescent="0.4">
      <c r="B26" s="93"/>
      <c r="C26" s="98">
        <v>3</v>
      </c>
      <c r="D26" s="99" t="s">
        <v>204</v>
      </c>
    </row>
    <row r="27" spans="2:25" s="153" customFormat="1" ht="17.25" customHeight="1" x14ac:dyDescent="0.4">
      <c r="B27" s="93"/>
      <c r="C27" s="98">
        <v>4</v>
      </c>
      <c r="D27" s="99" t="s">
        <v>205</v>
      </c>
    </row>
    <row r="28" spans="2:25" s="153" customFormat="1" ht="17.25" customHeight="1" x14ac:dyDescent="0.4">
      <c r="B28" s="93"/>
      <c r="C28" s="98">
        <v>5</v>
      </c>
      <c r="D28" s="99" t="s">
        <v>206</v>
      </c>
    </row>
    <row r="29" spans="2:25" s="153" customFormat="1" ht="17.25" customHeight="1" x14ac:dyDescent="0.4">
      <c r="B29" s="93"/>
      <c r="C29" s="227"/>
      <c r="D29" s="93"/>
    </row>
    <row r="30" spans="2:25" s="153" customFormat="1" ht="17.25" customHeight="1" x14ac:dyDescent="0.4">
      <c r="B30" s="93" t="s">
        <v>213</v>
      </c>
      <c r="C30" s="93"/>
      <c r="D30" s="93"/>
    </row>
    <row r="31" spans="2:25" s="153" customFormat="1" ht="17.25" customHeight="1" x14ac:dyDescent="0.4">
      <c r="B31" s="93" t="s">
        <v>102</v>
      </c>
      <c r="C31" s="93"/>
      <c r="D31" s="93"/>
    </row>
    <row r="32" spans="2:25" s="153" customFormat="1" ht="17.25" customHeight="1" x14ac:dyDescent="0.4">
      <c r="B32" s="93"/>
      <c r="C32" s="93"/>
      <c r="D32" s="93"/>
      <c r="G32" s="228"/>
      <c r="H32" s="228"/>
      <c r="J32" s="228"/>
      <c r="K32" s="228"/>
      <c r="L32" s="228"/>
      <c r="M32" s="228"/>
      <c r="N32" s="228"/>
      <c r="O32" s="228"/>
      <c r="R32" s="228"/>
      <c r="S32" s="228"/>
      <c r="T32" s="228"/>
      <c r="W32" s="228"/>
      <c r="X32" s="228"/>
      <c r="Y32" s="228"/>
    </row>
    <row r="33" spans="2:51" s="153" customFormat="1" ht="17.25" customHeight="1" x14ac:dyDescent="0.4">
      <c r="B33" s="93"/>
      <c r="C33" s="98" t="s">
        <v>43</v>
      </c>
      <c r="D33" s="98" t="s">
        <v>44</v>
      </c>
      <c r="G33" s="228"/>
      <c r="H33" s="228"/>
      <c r="J33" s="228"/>
      <c r="K33" s="228"/>
      <c r="L33" s="228"/>
      <c r="M33" s="228"/>
      <c r="N33" s="228"/>
      <c r="O33" s="228"/>
      <c r="R33" s="228"/>
      <c r="S33" s="228"/>
      <c r="T33" s="228"/>
      <c r="W33" s="228"/>
      <c r="X33" s="228"/>
      <c r="Y33" s="228"/>
    </row>
    <row r="34" spans="2:51" s="153" customFormat="1" ht="17.25" customHeight="1" x14ac:dyDescent="0.4">
      <c r="B34" s="93"/>
      <c r="C34" s="98" t="s">
        <v>49</v>
      </c>
      <c r="D34" s="99" t="s">
        <v>50</v>
      </c>
      <c r="G34" s="228"/>
      <c r="H34" s="228"/>
      <c r="J34" s="228"/>
      <c r="K34" s="228"/>
      <c r="L34" s="228"/>
      <c r="M34" s="228"/>
      <c r="N34" s="228"/>
      <c r="O34" s="228"/>
      <c r="R34" s="228"/>
      <c r="S34" s="228"/>
      <c r="T34" s="228"/>
      <c r="W34" s="228"/>
      <c r="X34" s="228"/>
      <c r="Y34" s="228"/>
    </row>
    <row r="35" spans="2:51" s="153" customFormat="1" ht="17.25" customHeight="1" x14ac:dyDescent="0.4">
      <c r="B35" s="93"/>
      <c r="C35" s="98" t="s">
        <v>52</v>
      </c>
      <c r="D35" s="99" t="s">
        <v>53</v>
      </c>
      <c r="G35" s="228"/>
      <c r="H35" s="228"/>
      <c r="J35" s="228"/>
      <c r="K35" s="228"/>
      <c r="L35" s="228"/>
      <c r="M35" s="228"/>
      <c r="N35" s="228"/>
      <c r="O35" s="228"/>
      <c r="R35" s="228"/>
      <c r="S35" s="228"/>
      <c r="T35" s="228"/>
      <c r="W35" s="228"/>
      <c r="X35" s="228"/>
      <c r="Y35" s="228"/>
    </row>
    <row r="36" spans="2:51" s="153" customFormat="1" ht="17.25" customHeight="1" x14ac:dyDescent="0.4">
      <c r="B36" s="93"/>
      <c r="C36" s="98" t="s">
        <v>55</v>
      </c>
      <c r="D36" s="99" t="s">
        <v>56</v>
      </c>
      <c r="G36" s="228"/>
      <c r="H36" s="228"/>
      <c r="J36" s="228"/>
      <c r="K36" s="228"/>
      <c r="L36" s="228"/>
      <c r="M36" s="228"/>
      <c r="N36" s="228"/>
      <c r="O36" s="228"/>
      <c r="R36" s="228"/>
      <c r="S36" s="228"/>
      <c r="T36" s="228"/>
      <c r="W36" s="228"/>
      <c r="X36" s="228"/>
      <c r="Y36" s="228"/>
    </row>
    <row r="37" spans="2:51" s="153" customFormat="1" ht="17.25" customHeight="1" x14ac:dyDescent="0.4">
      <c r="B37" s="93"/>
      <c r="C37" s="98" t="s">
        <v>58</v>
      </c>
      <c r="D37" s="99" t="s">
        <v>214</v>
      </c>
      <c r="G37" s="228"/>
      <c r="H37" s="228"/>
      <c r="J37" s="228"/>
      <c r="K37" s="228"/>
      <c r="L37" s="228"/>
      <c r="M37" s="228"/>
      <c r="N37" s="228"/>
      <c r="O37" s="228"/>
      <c r="R37" s="228"/>
      <c r="S37" s="228"/>
      <c r="T37" s="228"/>
      <c r="W37" s="228"/>
      <c r="X37" s="228"/>
      <c r="Y37" s="228"/>
    </row>
    <row r="38" spans="2:51" s="153" customFormat="1" ht="17.25" customHeight="1" x14ac:dyDescent="0.4">
      <c r="B38" s="93"/>
      <c r="C38" s="93"/>
      <c r="D38" s="93"/>
      <c r="G38" s="228"/>
      <c r="H38" s="228"/>
      <c r="J38" s="228"/>
      <c r="K38" s="228"/>
      <c r="L38" s="228"/>
      <c r="M38" s="228"/>
      <c r="N38" s="228"/>
      <c r="O38" s="228"/>
      <c r="R38" s="228"/>
      <c r="S38" s="228"/>
      <c r="T38" s="228"/>
      <c r="W38" s="228"/>
      <c r="X38" s="228"/>
      <c r="Y38" s="228"/>
    </row>
    <row r="39" spans="2:51" s="153" customFormat="1" ht="17.25" customHeight="1" x14ac:dyDescent="0.4">
      <c r="B39" s="93"/>
      <c r="C39" s="100" t="s">
        <v>103</v>
      </c>
      <c r="D39" s="93"/>
      <c r="G39" s="228"/>
      <c r="H39" s="228"/>
      <c r="J39" s="228"/>
      <c r="K39" s="228"/>
      <c r="L39" s="228"/>
      <c r="M39" s="228"/>
      <c r="N39" s="228"/>
      <c r="O39" s="228"/>
      <c r="R39" s="228"/>
      <c r="S39" s="228"/>
      <c r="T39" s="228"/>
      <c r="W39" s="228"/>
      <c r="X39" s="228"/>
      <c r="Y39" s="228"/>
    </row>
    <row r="40" spans="2:51" s="153" customFormat="1" ht="17.25" customHeight="1" x14ac:dyDescent="0.4">
      <c r="C40" s="93" t="s">
        <v>104</v>
      </c>
      <c r="F40" s="100"/>
      <c r="G40" s="228"/>
      <c r="H40" s="228"/>
      <c r="J40" s="228"/>
      <c r="K40" s="228"/>
      <c r="L40" s="228"/>
      <c r="M40" s="228"/>
      <c r="N40" s="228"/>
      <c r="O40" s="228"/>
      <c r="R40" s="228"/>
      <c r="S40" s="228"/>
      <c r="T40" s="228"/>
      <c r="W40" s="228"/>
      <c r="X40" s="228"/>
      <c r="Y40" s="228"/>
    </row>
    <row r="41" spans="2:51" s="153" customFormat="1" ht="17.25" customHeight="1" x14ac:dyDescent="0.4">
      <c r="C41" s="93" t="s">
        <v>105</v>
      </c>
      <c r="F41" s="93"/>
      <c r="G41" s="228"/>
      <c r="H41" s="228"/>
      <c r="J41" s="228"/>
      <c r="K41" s="228"/>
      <c r="L41" s="228"/>
      <c r="M41" s="228"/>
      <c r="N41" s="228"/>
      <c r="O41" s="228"/>
      <c r="R41" s="228"/>
      <c r="S41" s="228"/>
      <c r="T41" s="228"/>
      <c r="W41" s="228"/>
      <c r="X41" s="228"/>
      <c r="Y41" s="228"/>
    </row>
    <row r="42" spans="2:51" s="153" customFormat="1" ht="17.25" customHeight="1" x14ac:dyDescent="0.4">
      <c r="B42" s="93"/>
      <c r="C42" s="93"/>
      <c r="D42" s="93"/>
      <c r="E42" s="100"/>
      <c r="F42" s="228"/>
      <c r="G42" s="228"/>
      <c r="H42" s="228"/>
      <c r="J42" s="228"/>
      <c r="K42" s="228"/>
      <c r="L42" s="228"/>
      <c r="M42" s="228"/>
      <c r="N42" s="228"/>
      <c r="O42" s="228"/>
      <c r="R42" s="228"/>
      <c r="S42" s="228"/>
      <c r="T42" s="228"/>
      <c r="W42" s="228"/>
      <c r="X42" s="228"/>
      <c r="Y42" s="228"/>
    </row>
    <row r="43" spans="2:51" s="153" customFormat="1" ht="17.25" customHeight="1" x14ac:dyDescent="0.4">
      <c r="B43" s="93" t="s">
        <v>215</v>
      </c>
      <c r="C43" s="93"/>
      <c r="D43" s="93"/>
    </row>
    <row r="44" spans="2:51" s="153" customFormat="1" ht="17.25" customHeight="1" x14ac:dyDescent="0.4">
      <c r="B44" s="93" t="s">
        <v>107</v>
      </c>
      <c r="C44" s="93"/>
      <c r="D44" s="93"/>
    </row>
    <row r="45" spans="2:51" s="153" customFormat="1" ht="17.25" customHeight="1" x14ac:dyDescent="0.4">
      <c r="B45" s="229" t="s">
        <v>216</v>
      </c>
      <c r="E45" s="228"/>
      <c r="F45" s="228"/>
      <c r="G45" s="228"/>
      <c r="H45" s="228"/>
      <c r="I45" s="228"/>
      <c r="J45" s="228"/>
      <c r="K45" s="228"/>
      <c r="L45" s="228"/>
      <c r="M45" s="228"/>
      <c r="N45" s="228"/>
      <c r="O45" s="228"/>
      <c r="P45" s="228"/>
      <c r="Q45" s="228"/>
      <c r="R45" s="228"/>
      <c r="S45" s="228"/>
      <c r="T45" s="228"/>
      <c r="U45" s="228"/>
      <c r="Y45" s="228"/>
      <c r="Z45" s="228"/>
      <c r="AA45" s="228"/>
      <c r="AB45" s="228"/>
      <c r="AD45" s="228"/>
      <c r="AE45" s="228"/>
      <c r="AF45" s="228"/>
      <c r="AG45" s="228"/>
      <c r="AH45" s="228"/>
      <c r="AI45" s="230"/>
      <c r="AJ45" s="228"/>
      <c r="AK45" s="228"/>
      <c r="AL45" s="228"/>
      <c r="AM45" s="228"/>
      <c r="AN45" s="228"/>
      <c r="AO45" s="228"/>
      <c r="AP45" s="228"/>
      <c r="AQ45" s="228"/>
      <c r="AR45" s="228"/>
      <c r="AS45" s="228"/>
      <c r="AT45" s="228"/>
      <c r="AU45" s="228"/>
      <c r="AV45" s="228"/>
      <c r="AW45" s="228"/>
      <c r="AX45" s="228"/>
      <c r="AY45" s="230"/>
    </row>
    <row r="46" spans="2:51" s="153" customFormat="1" ht="17.25" customHeight="1" x14ac:dyDescent="0.4"/>
    <row r="47" spans="2:51" s="153" customFormat="1" ht="17.25" customHeight="1" x14ac:dyDescent="0.4">
      <c r="B47" s="93" t="s">
        <v>217</v>
      </c>
      <c r="C47" s="93"/>
    </row>
    <row r="48" spans="2:51" s="153" customFormat="1" ht="17.25" customHeight="1" x14ac:dyDescent="0.4">
      <c r="B48" s="93"/>
      <c r="C48" s="93"/>
    </row>
    <row r="49" spans="2:54" s="153" customFormat="1" ht="17.25" customHeight="1" x14ac:dyDescent="0.4">
      <c r="B49" s="93" t="s">
        <v>218</v>
      </c>
      <c r="C49" s="93"/>
    </row>
    <row r="50" spans="2:54" s="153" customFormat="1" ht="17.25" customHeight="1" x14ac:dyDescent="0.4">
      <c r="B50" s="93" t="s">
        <v>219</v>
      </c>
      <c r="C50" s="93"/>
    </row>
    <row r="51" spans="2:54" s="153" customFormat="1" ht="17.25" customHeight="1" x14ac:dyDescent="0.4">
      <c r="B51" s="93"/>
      <c r="C51" s="93"/>
    </row>
    <row r="52" spans="2:54" s="153" customFormat="1" ht="17.25" customHeight="1" x14ac:dyDescent="0.4">
      <c r="B52" s="93" t="s">
        <v>220</v>
      </c>
      <c r="C52" s="93"/>
    </row>
    <row r="53" spans="2:54" s="153" customFormat="1" ht="17.25" customHeight="1" x14ac:dyDescent="0.4">
      <c r="B53" s="93" t="s">
        <v>221</v>
      </c>
      <c r="C53" s="93"/>
    </row>
    <row r="54" spans="2:54" s="153" customFormat="1" ht="17.25" customHeight="1" x14ac:dyDescent="0.4">
      <c r="B54" s="93"/>
      <c r="C54" s="93"/>
    </row>
    <row r="55" spans="2:54" s="153" customFormat="1" ht="17.25" customHeight="1" x14ac:dyDescent="0.4">
      <c r="B55" s="93" t="s">
        <v>222</v>
      </c>
      <c r="C55" s="93"/>
      <c r="D55" s="93"/>
    </row>
    <row r="56" spans="2:54" s="153" customFormat="1" ht="17.25" customHeight="1" x14ac:dyDescent="0.4">
      <c r="B56" s="93"/>
      <c r="C56" s="93"/>
      <c r="D56" s="93"/>
    </row>
    <row r="57" spans="2:54" s="153" customFormat="1" ht="17.25" customHeight="1" x14ac:dyDescent="0.4">
      <c r="B57" s="153" t="s">
        <v>223</v>
      </c>
      <c r="D57" s="93"/>
    </row>
    <row r="58" spans="2:54" s="153" customFormat="1" ht="17.25" customHeight="1" x14ac:dyDescent="0.4">
      <c r="B58" s="153" t="s">
        <v>116</v>
      </c>
      <c r="D58" s="93"/>
    </row>
    <row r="59" spans="2:54" s="153" customFormat="1" ht="17.25" customHeight="1" x14ac:dyDescent="0.4">
      <c r="B59" s="153" t="s">
        <v>224</v>
      </c>
      <c r="D59" s="93"/>
    </row>
    <row r="60" spans="2:54" s="153" customFormat="1" ht="17.25" customHeight="1" x14ac:dyDescent="0.4"/>
    <row r="61" spans="2:54" s="153" customFormat="1" ht="17.25" customHeight="1" x14ac:dyDescent="0.4">
      <c r="B61" s="153" t="s">
        <v>225</v>
      </c>
      <c r="E61" s="108"/>
      <c r="F61" s="108"/>
      <c r="G61" s="108"/>
      <c r="H61" s="108"/>
      <c r="I61" s="108"/>
      <c r="J61" s="108"/>
      <c r="K61" s="108"/>
      <c r="L61" s="108"/>
      <c r="M61" s="108"/>
      <c r="N61" s="108"/>
      <c r="O61" s="108"/>
      <c r="P61" s="108"/>
      <c r="Q61" s="108"/>
      <c r="R61" s="108"/>
      <c r="S61" s="108"/>
      <c r="T61" s="108"/>
      <c r="U61" s="108"/>
      <c r="V61" s="108"/>
      <c r="W61" s="108"/>
      <c r="X61" s="108"/>
      <c r="Y61" s="108"/>
      <c r="Z61" s="108"/>
      <c r="AA61" s="108"/>
      <c r="AB61" s="108"/>
      <c r="AC61" s="108"/>
      <c r="AD61" s="108"/>
      <c r="AE61" s="108"/>
      <c r="AF61" s="108"/>
      <c r="AG61" s="108"/>
      <c r="AH61" s="108"/>
      <c r="AI61" s="108"/>
      <c r="AJ61" s="108"/>
      <c r="AK61" s="108"/>
      <c r="AL61" s="108"/>
      <c r="AM61" s="108"/>
      <c r="AN61" s="108"/>
      <c r="AO61" s="108"/>
      <c r="AP61" s="108"/>
      <c r="AQ61" s="108"/>
      <c r="AR61" s="108"/>
      <c r="AS61" s="108"/>
      <c r="AT61" s="108"/>
      <c r="AU61" s="108"/>
      <c r="AV61" s="108"/>
      <c r="AW61" s="108"/>
      <c r="AX61" s="108"/>
    </row>
    <row r="62" spans="2:54" s="153" customFormat="1" ht="17.25" customHeight="1" x14ac:dyDescent="0.4">
      <c r="E62" s="108"/>
      <c r="F62" s="108"/>
      <c r="G62" s="108"/>
      <c r="H62" s="108"/>
      <c r="I62" s="108"/>
      <c r="J62" s="108"/>
      <c r="K62" s="108"/>
      <c r="L62" s="108"/>
      <c r="M62" s="108"/>
      <c r="N62" s="108"/>
      <c r="O62" s="108"/>
      <c r="P62" s="108"/>
      <c r="Q62" s="108"/>
      <c r="R62" s="108"/>
      <c r="S62" s="108"/>
      <c r="T62" s="108"/>
      <c r="U62" s="108"/>
      <c r="V62" s="108"/>
      <c r="W62" s="108"/>
      <c r="X62" s="108"/>
      <c r="Y62" s="108"/>
      <c r="Z62" s="108"/>
      <c r="AA62" s="108"/>
      <c r="AB62" s="108"/>
      <c r="AC62" s="108"/>
      <c r="AD62" s="108"/>
      <c r="AE62" s="108"/>
      <c r="AF62" s="108"/>
      <c r="AG62" s="108"/>
      <c r="AH62" s="108"/>
      <c r="AI62" s="108"/>
      <c r="AJ62" s="108"/>
      <c r="AK62" s="108"/>
      <c r="AL62" s="108"/>
      <c r="AM62" s="108"/>
      <c r="AN62" s="108"/>
      <c r="AO62" s="108"/>
      <c r="AP62" s="108"/>
      <c r="AQ62" s="108"/>
      <c r="AR62" s="108"/>
      <c r="AS62" s="108"/>
      <c r="AT62" s="108"/>
      <c r="AU62" s="108"/>
      <c r="AV62" s="108"/>
      <c r="AW62" s="108"/>
      <c r="AX62" s="108"/>
    </row>
    <row r="63" spans="2:54" s="153" customFormat="1" ht="17.25" customHeight="1" x14ac:dyDescent="0.4">
      <c r="B63" s="153" t="s">
        <v>226</v>
      </c>
      <c r="E63" s="108"/>
      <c r="F63" s="108"/>
      <c r="G63" s="108"/>
      <c r="H63" s="108"/>
      <c r="I63" s="108"/>
      <c r="J63" s="108"/>
      <c r="K63" s="108"/>
      <c r="L63" s="108"/>
      <c r="M63" s="108"/>
      <c r="N63" s="108"/>
      <c r="O63" s="108"/>
      <c r="P63" s="108"/>
      <c r="Q63" s="108"/>
      <c r="R63" s="108"/>
      <c r="S63" s="108"/>
      <c r="T63" s="108"/>
      <c r="U63" s="108"/>
      <c r="V63" s="108"/>
      <c r="W63" s="108"/>
      <c r="X63" s="108"/>
      <c r="Y63" s="108"/>
      <c r="Z63" s="108"/>
      <c r="AA63" s="108"/>
      <c r="AB63" s="108"/>
      <c r="AC63" s="108"/>
      <c r="AD63" s="108"/>
      <c r="AE63" s="108"/>
      <c r="AF63" s="108"/>
      <c r="AG63" s="108"/>
      <c r="AH63" s="108"/>
      <c r="AI63" s="108"/>
      <c r="AJ63" s="108"/>
      <c r="AK63" s="108"/>
      <c r="AL63" s="108"/>
      <c r="AM63" s="108"/>
      <c r="AN63" s="108"/>
      <c r="AO63" s="108"/>
      <c r="AP63" s="108"/>
      <c r="AQ63" s="108"/>
      <c r="AR63" s="108"/>
      <c r="AS63" s="108"/>
      <c r="AT63" s="108"/>
      <c r="AU63" s="108"/>
      <c r="AV63" s="108"/>
      <c r="AW63" s="108"/>
      <c r="AX63" s="108"/>
    </row>
    <row r="64" spans="2:54" s="153" customFormat="1" ht="17.25" customHeight="1" x14ac:dyDescent="0.4">
      <c r="E64" s="108"/>
      <c r="F64" s="108"/>
      <c r="G64" s="108"/>
      <c r="H64" s="108"/>
      <c r="I64" s="108"/>
      <c r="J64" s="108"/>
      <c r="K64" s="108"/>
      <c r="L64" s="108"/>
      <c r="M64" s="108"/>
      <c r="N64" s="108"/>
      <c r="O64" s="108"/>
      <c r="P64" s="108"/>
      <c r="Q64" s="108"/>
      <c r="R64" s="108"/>
      <c r="S64" s="108"/>
      <c r="T64" s="108"/>
      <c r="U64" s="108"/>
      <c r="V64" s="108"/>
      <c r="W64" s="108"/>
      <c r="X64" s="108"/>
      <c r="Y64" s="108"/>
      <c r="Z64" s="108"/>
      <c r="AA64" s="108"/>
      <c r="AB64" s="108"/>
      <c r="AC64" s="108"/>
      <c r="AD64" s="108"/>
      <c r="AE64" s="108"/>
      <c r="AF64" s="108"/>
      <c r="AG64" s="108"/>
      <c r="AH64" s="108"/>
      <c r="AI64" s="108"/>
      <c r="AJ64" s="108"/>
      <c r="AK64" s="108"/>
      <c r="AL64" s="108"/>
      <c r="AM64" s="108"/>
      <c r="AN64" s="108"/>
      <c r="AO64" s="108"/>
      <c r="AP64" s="108"/>
      <c r="AQ64" s="108"/>
      <c r="AR64" s="108"/>
      <c r="AS64" s="108"/>
      <c r="AT64" s="108"/>
      <c r="AU64" s="108"/>
      <c r="AV64" s="108"/>
      <c r="AW64" s="108"/>
      <c r="AX64" s="108"/>
      <c r="AY64" s="108"/>
      <c r="AZ64" s="108"/>
      <c r="BA64" s="108"/>
      <c r="BB64" s="108"/>
    </row>
    <row r="65" spans="2:71" s="153" customFormat="1" ht="17.25" customHeight="1" x14ac:dyDescent="0.4">
      <c r="B65" s="153" t="s">
        <v>227</v>
      </c>
      <c r="E65" s="108"/>
      <c r="F65" s="108"/>
      <c r="G65" s="108"/>
      <c r="H65" s="108"/>
      <c r="I65" s="108"/>
      <c r="J65" s="108"/>
      <c r="K65" s="108"/>
      <c r="L65" s="108"/>
      <c r="M65" s="108"/>
      <c r="N65" s="108"/>
      <c r="O65" s="108"/>
      <c r="P65" s="108"/>
      <c r="Q65" s="108"/>
      <c r="R65" s="108"/>
      <c r="S65" s="108"/>
      <c r="T65" s="108"/>
      <c r="U65" s="108"/>
      <c r="V65" s="108"/>
      <c r="W65" s="108"/>
      <c r="X65" s="108"/>
      <c r="Y65" s="108"/>
      <c r="Z65" s="108"/>
      <c r="AA65" s="108"/>
      <c r="AB65" s="108"/>
      <c r="AC65" s="108"/>
      <c r="AD65" s="108"/>
      <c r="AE65" s="108"/>
      <c r="AF65" s="108"/>
      <c r="AG65" s="108"/>
      <c r="AH65" s="108"/>
      <c r="AI65" s="108"/>
      <c r="AJ65" s="108"/>
      <c r="AK65" s="108"/>
      <c r="AL65" s="108"/>
      <c r="AM65" s="108"/>
      <c r="AN65" s="108"/>
      <c r="AO65" s="108"/>
      <c r="AP65" s="108"/>
      <c r="AQ65" s="108"/>
      <c r="AR65" s="108"/>
      <c r="AS65" s="108"/>
      <c r="AT65" s="108"/>
      <c r="AU65" s="108"/>
      <c r="AV65" s="108"/>
      <c r="AW65" s="108"/>
      <c r="AX65" s="108"/>
      <c r="AY65" s="108"/>
      <c r="AZ65" s="108"/>
      <c r="BA65" s="108"/>
      <c r="BB65" s="108"/>
    </row>
    <row r="66" spans="2:71" s="153" customFormat="1" ht="17.25" customHeight="1" x14ac:dyDescent="0.4">
      <c r="E66" s="108"/>
      <c r="F66" s="108"/>
      <c r="G66" s="108"/>
      <c r="H66" s="108"/>
      <c r="I66" s="108"/>
      <c r="J66" s="108"/>
      <c r="K66" s="108"/>
      <c r="L66" s="108"/>
      <c r="M66" s="108"/>
      <c r="N66" s="108"/>
      <c r="O66" s="108"/>
      <c r="P66" s="108"/>
      <c r="Q66" s="108"/>
      <c r="R66" s="108"/>
      <c r="S66" s="108"/>
      <c r="T66" s="108"/>
      <c r="U66" s="108"/>
      <c r="V66" s="108"/>
      <c r="W66" s="108"/>
      <c r="X66" s="108"/>
      <c r="Y66" s="108"/>
      <c r="Z66" s="108"/>
      <c r="AA66" s="108"/>
      <c r="AB66" s="108"/>
      <c r="AC66" s="108"/>
      <c r="AD66" s="108"/>
      <c r="AE66" s="108"/>
      <c r="AF66" s="108"/>
      <c r="AG66" s="108"/>
      <c r="AH66" s="108"/>
      <c r="AI66" s="108"/>
      <c r="AJ66" s="108"/>
      <c r="AK66" s="108"/>
      <c r="AL66" s="108"/>
      <c r="AM66" s="108"/>
      <c r="AN66" s="108"/>
      <c r="AO66" s="108"/>
      <c r="AP66" s="108"/>
      <c r="AQ66" s="108"/>
      <c r="AR66" s="108"/>
      <c r="AS66" s="108"/>
      <c r="AT66" s="108"/>
      <c r="AU66" s="108"/>
      <c r="AV66" s="108"/>
      <c r="AW66" s="108"/>
      <c r="AX66" s="108"/>
      <c r="AY66" s="108"/>
      <c r="AZ66" s="108"/>
      <c r="BA66" s="108"/>
      <c r="BB66" s="108"/>
    </row>
    <row r="67" spans="2:71" s="153" customFormat="1" ht="17.25" customHeight="1" x14ac:dyDescent="0.2">
      <c r="B67" s="153" t="s">
        <v>228</v>
      </c>
      <c r="BL67" s="231"/>
      <c r="BM67" s="232"/>
      <c r="BN67" s="231"/>
      <c r="BO67" s="231"/>
      <c r="BP67" s="231"/>
      <c r="BQ67" s="233"/>
      <c r="BR67" s="234"/>
      <c r="BS67" s="234"/>
    </row>
    <row r="68" spans="2:71" s="153" customFormat="1" ht="17.25" customHeight="1" x14ac:dyDescent="0.4">
      <c r="E68" s="108"/>
      <c r="F68" s="108"/>
      <c r="G68" s="108"/>
      <c r="H68" s="108"/>
      <c r="I68" s="108"/>
      <c r="J68" s="108"/>
      <c r="K68" s="108"/>
      <c r="L68" s="108"/>
      <c r="M68" s="108"/>
      <c r="N68" s="108"/>
      <c r="O68" s="108"/>
      <c r="P68" s="108"/>
      <c r="Q68" s="108"/>
      <c r="R68" s="108"/>
      <c r="S68" s="108"/>
      <c r="T68" s="108"/>
      <c r="U68" s="108"/>
      <c r="V68" s="108"/>
      <c r="W68" s="108"/>
      <c r="X68" s="108"/>
      <c r="Y68" s="108"/>
      <c r="Z68" s="108"/>
      <c r="AA68" s="108"/>
      <c r="AB68" s="108"/>
      <c r="AC68" s="108"/>
      <c r="AD68" s="108"/>
      <c r="AE68" s="108"/>
      <c r="AF68" s="108"/>
      <c r="AG68" s="108"/>
      <c r="AH68" s="108"/>
      <c r="AI68" s="108"/>
      <c r="AJ68" s="108"/>
      <c r="AK68" s="108"/>
      <c r="AL68" s="108"/>
      <c r="AM68" s="108"/>
      <c r="AN68" s="108"/>
      <c r="AO68" s="108"/>
      <c r="AP68" s="108"/>
      <c r="AQ68" s="108"/>
      <c r="AR68" s="108"/>
      <c r="AS68" s="108"/>
      <c r="AT68" s="108"/>
      <c r="AU68" s="108"/>
      <c r="AV68" s="108"/>
      <c r="AW68" s="108"/>
      <c r="AX68" s="108"/>
    </row>
    <row r="69" spans="2:71" s="153" customFormat="1" ht="17.25" customHeight="1" x14ac:dyDescent="0.4">
      <c r="B69" s="153" t="s">
        <v>229</v>
      </c>
      <c r="E69" s="108"/>
      <c r="F69" s="108"/>
      <c r="G69" s="108"/>
      <c r="H69" s="108"/>
      <c r="I69" s="108"/>
      <c r="J69" s="108"/>
      <c r="K69" s="108"/>
      <c r="L69" s="108"/>
      <c r="M69" s="108"/>
      <c r="N69" s="108"/>
      <c r="O69" s="108"/>
      <c r="P69" s="108"/>
      <c r="Q69" s="108"/>
      <c r="R69" s="108"/>
      <c r="S69" s="108"/>
      <c r="T69" s="108"/>
      <c r="U69" s="108"/>
      <c r="V69" s="108"/>
      <c r="W69" s="108"/>
      <c r="X69" s="108"/>
      <c r="Y69" s="108"/>
      <c r="Z69" s="108"/>
      <c r="AA69" s="108"/>
      <c r="AB69" s="108"/>
      <c r="AC69" s="108"/>
      <c r="AD69" s="108"/>
      <c r="AE69" s="108"/>
      <c r="AF69" s="108"/>
      <c r="AG69" s="108"/>
      <c r="AH69" s="108"/>
      <c r="AI69" s="108"/>
      <c r="AJ69" s="108"/>
      <c r="AK69" s="108"/>
      <c r="AL69" s="108"/>
      <c r="AM69" s="108"/>
      <c r="AN69" s="108"/>
      <c r="AO69" s="108"/>
      <c r="AP69" s="108"/>
      <c r="AQ69" s="108"/>
      <c r="AR69" s="108"/>
      <c r="AS69" s="108"/>
      <c r="AT69" s="108"/>
      <c r="AU69" s="108"/>
      <c r="AV69" s="108"/>
      <c r="AW69" s="108"/>
      <c r="AX69" s="108"/>
      <c r="AY69" s="108"/>
      <c r="AZ69" s="108"/>
      <c r="BA69" s="108"/>
      <c r="BB69" s="108"/>
    </row>
    <row r="70" spans="2:71" s="153" customFormat="1" ht="17.25" customHeight="1" x14ac:dyDescent="0.4">
      <c r="E70" s="108"/>
      <c r="F70" s="108"/>
      <c r="G70" s="108"/>
      <c r="H70" s="108"/>
      <c r="I70" s="108"/>
      <c r="J70" s="108"/>
      <c r="K70" s="108"/>
      <c r="L70" s="108"/>
      <c r="M70" s="108"/>
      <c r="N70" s="108"/>
      <c r="O70" s="108"/>
      <c r="P70" s="108"/>
      <c r="Q70" s="108"/>
      <c r="R70" s="108"/>
      <c r="S70" s="108"/>
      <c r="T70" s="108"/>
      <c r="U70" s="108"/>
      <c r="V70" s="108"/>
      <c r="W70" s="108"/>
      <c r="X70" s="108"/>
      <c r="Y70" s="108"/>
      <c r="Z70" s="108"/>
      <c r="AA70" s="108"/>
      <c r="AB70" s="108"/>
      <c r="AC70" s="108"/>
      <c r="AD70" s="108"/>
      <c r="AE70" s="108"/>
      <c r="AF70" s="108"/>
      <c r="AG70" s="108"/>
      <c r="AH70" s="108"/>
      <c r="AI70" s="108"/>
      <c r="AJ70" s="108"/>
      <c r="AK70" s="108"/>
      <c r="AL70" s="108"/>
      <c r="AM70" s="108"/>
      <c r="AN70" s="108"/>
      <c r="AO70" s="108"/>
      <c r="AP70" s="108"/>
      <c r="AQ70" s="108"/>
      <c r="AR70" s="108"/>
      <c r="AS70" s="108"/>
      <c r="AT70" s="108"/>
      <c r="AU70" s="108"/>
      <c r="AV70" s="108"/>
      <c r="AW70" s="108"/>
      <c r="AX70" s="108"/>
      <c r="AY70" s="108"/>
      <c r="AZ70" s="108"/>
      <c r="BA70" s="108"/>
      <c r="BB70" s="108"/>
    </row>
    <row r="71" spans="2:71" ht="17.25" customHeight="1" x14ac:dyDescent="0.4">
      <c r="B71" s="91" t="s">
        <v>230</v>
      </c>
    </row>
    <row r="72" spans="2:71" ht="17.25" customHeight="1" x14ac:dyDescent="0.4">
      <c r="B72" s="153" t="s">
        <v>231</v>
      </c>
    </row>
    <row r="73" spans="2:71" ht="17.25" customHeight="1" x14ac:dyDescent="0.4">
      <c r="B73" s="235" t="s">
        <v>232</v>
      </c>
    </row>
    <row r="74" spans="2:71" ht="17.25" customHeight="1" x14ac:dyDescent="0.4"/>
  </sheetData>
  <mergeCells count="1">
    <mergeCell ref="F4:K5"/>
  </mergeCells>
  <phoneticPr fontId="3"/>
  <pageMargins left="0.70866141732283472" right="0.70866141732283472" top="0.74803149606299213" bottom="0.74803149606299213" header="0.31496062992125984" footer="0.31496062992125984"/>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6BE5FE-FB76-42BD-B03A-D42165C4F297}">
  <sheetPr>
    <pageSetUpPr fitToPage="1"/>
  </sheetPr>
  <dimension ref="B1:W42"/>
  <sheetViews>
    <sheetView zoomScaleNormal="100" workbookViewId="0">
      <selection activeCell="Z18" sqref="Z18:AA18"/>
    </sheetView>
  </sheetViews>
  <sheetFormatPr defaultColWidth="9" defaultRowHeight="25.5" x14ac:dyDescent="0.4"/>
  <cols>
    <col min="1" max="1" width="1.625" style="114" customWidth="1"/>
    <col min="2" max="2" width="5.625" style="113" customWidth="1"/>
    <col min="3" max="3" width="10.625" style="113" customWidth="1"/>
    <col min="4" max="4" width="3.375" style="113" bestFit="1" customWidth="1"/>
    <col min="5" max="5" width="15.625" style="114" customWidth="1"/>
    <col min="6" max="6" width="3.375" style="114" bestFit="1" customWidth="1"/>
    <col min="7" max="7" width="15.625" style="114" customWidth="1"/>
    <col min="8" max="8" width="3.375" style="114" bestFit="1" customWidth="1"/>
    <col min="9" max="9" width="15.625" style="113" customWidth="1"/>
    <col min="10" max="10" width="3.375" style="114" bestFit="1" customWidth="1"/>
    <col min="11" max="11" width="15.625" style="114" customWidth="1"/>
    <col min="12" max="12" width="3.375" style="114" customWidth="1"/>
    <col min="13" max="13" width="15.625" style="114" customWidth="1"/>
    <col min="14" max="14" width="3.375" style="114" customWidth="1"/>
    <col min="15" max="15" width="15.625" style="114" customWidth="1"/>
    <col min="16" max="16" width="3.375" style="114" customWidth="1"/>
    <col min="17" max="17" width="15.625" style="114" customWidth="1"/>
    <col min="18" max="18" width="3.375" style="114" customWidth="1"/>
    <col min="19" max="19" width="15.625" style="114" customWidth="1"/>
    <col min="20" max="20" width="3.375" style="114" customWidth="1"/>
    <col min="21" max="21" width="15.625" style="114" customWidth="1"/>
    <col min="22" max="22" width="3.375" style="114" customWidth="1"/>
    <col min="23" max="23" width="50.625" style="114" customWidth="1"/>
    <col min="24" max="16384" width="9" style="114"/>
  </cols>
  <sheetData>
    <row r="1" spans="2:23" x14ac:dyDescent="0.4">
      <c r="B1" s="112" t="s">
        <v>127</v>
      </c>
    </row>
    <row r="2" spans="2:23" x14ac:dyDescent="0.4">
      <c r="B2" s="115" t="s">
        <v>128</v>
      </c>
      <c r="E2" s="116"/>
      <c r="I2" s="117"/>
    </row>
    <row r="3" spans="2:23" x14ac:dyDescent="0.4">
      <c r="B3" s="117" t="s">
        <v>129</v>
      </c>
      <c r="E3" s="116" t="s">
        <v>130</v>
      </c>
      <c r="I3" s="117"/>
    </row>
    <row r="4" spans="2:23" x14ac:dyDescent="0.4">
      <c r="B4" s="115"/>
      <c r="E4" s="434" t="s">
        <v>131</v>
      </c>
      <c r="F4" s="434"/>
      <c r="G4" s="434"/>
      <c r="H4" s="434"/>
      <c r="I4" s="434"/>
      <c r="J4" s="434"/>
      <c r="K4" s="434"/>
      <c r="M4" s="434" t="s">
        <v>132</v>
      </c>
      <c r="N4" s="434"/>
      <c r="O4" s="434"/>
      <c r="Q4" s="434" t="s">
        <v>133</v>
      </c>
      <c r="R4" s="434"/>
      <c r="S4" s="434"/>
      <c r="T4" s="434"/>
      <c r="U4" s="434"/>
      <c r="W4" s="434" t="s">
        <v>134</v>
      </c>
    </row>
    <row r="5" spans="2:23" x14ac:dyDescent="0.4">
      <c r="B5" s="113" t="s">
        <v>20</v>
      </c>
      <c r="C5" s="113" t="s">
        <v>43</v>
      </c>
      <c r="E5" s="113" t="s">
        <v>135</v>
      </c>
      <c r="F5" s="113"/>
      <c r="G5" s="113" t="s">
        <v>136</v>
      </c>
      <c r="I5" s="113" t="s">
        <v>137</v>
      </c>
      <c r="K5" s="113" t="s">
        <v>131</v>
      </c>
      <c r="M5" s="113" t="s">
        <v>138</v>
      </c>
      <c r="O5" s="113" t="s">
        <v>139</v>
      </c>
      <c r="Q5" s="113" t="s">
        <v>138</v>
      </c>
      <c r="S5" s="113" t="s">
        <v>139</v>
      </c>
      <c r="U5" s="113" t="s">
        <v>131</v>
      </c>
      <c r="W5" s="434"/>
    </row>
    <row r="6" spans="2:23" x14ac:dyDescent="0.4">
      <c r="B6" s="113">
        <v>1</v>
      </c>
      <c r="C6" s="118" t="s">
        <v>140</v>
      </c>
      <c r="D6" s="113" t="s">
        <v>141</v>
      </c>
      <c r="E6" s="119">
        <v>0.375</v>
      </c>
      <c r="F6" s="113" t="s">
        <v>142</v>
      </c>
      <c r="G6" s="119">
        <v>0.75</v>
      </c>
      <c r="H6" s="114" t="s">
        <v>143</v>
      </c>
      <c r="I6" s="119">
        <v>4.1666666666666664E-2</v>
      </c>
      <c r="J6" s="114" t="s">
        <v>7</v>
      </c>
      <c r="K6" s="120">
        <f t="shared" ref="K6:K8" si="0">(G6-E6-I6)*24</f>
        <v>8</v>
      </c>
      <c r="M6" s="119">
        <v>0.39583333333333331</v>
      </c>
      <c r="N6" s="113" t="s">
        <v>142</v>
      </c>
      <c r="O6" s="119">
        <v>0.6875</v>
      </c>
      <c r="Q6" s="121">
        <f>IF(E6&lt;M6,M6,E6)</f>
        <v>0.39583333333333331</v>
      </c>
      <c r="R6" s="113" t="s">
        <v>142</v>
      </c>
      <c r="S6" s="121">
        <f t="shared" ref="S6:S8" si="1">IF(G6&gt;O6,O6,G6)</f>
        <v>0.6875</v>
      </c>
      <c r="U6" s="120">
        <f t="shared" ref="U6:U8" si="2">(S6-Q6)*24</f>
        <v>7</v>
      </c>
      <c r="W6" s="122"/>
    </row>
    <row r="7" spans="2:23" x14ac:dyDescent="0.4">
      <c r="B7" s="113">
        <v>2</v>
      </c>
      <c r="C7" s="118" t="s">
        <v>144</v>
      </c>
      <c r="D7" s="113" t="s">
        <v>141</v>
      </c>
      <c r="E7" s="119"/>
      <c r="F7" s="113" t="s">
        <v>142</v>
      </c>
      <c r="G7" s="119"/>
      <c r="H7" s="114" t="s">
        <v>143</v>
      </c>
      <c r="I7" s="119">
        <v>0</v>
      </c>
      <c r="J7" s="114" t="s">
        <v>7</v>
      </c>
      <c r="K7" s="120">
        <f t="shared" si="0"/>
        <v>0</v>
      </c>
      <c r="M7" s="119"/>
      <c r="N7" s="113" t="s">
        <v>142</v>
      </c>
      <c r="O7" s="119"/>
      <c r="Q7" s="121">
        <f t="shared" ref="Q7:Q8" si="3">IF(E7&lt;M7,M7,E7)</f>
        <v>0</v>
      </c>
      <c r="R7" s="113" t="s">
        <v>142</v>
      </c>
      <c r="S7" s="121">
        <f t="shared" si="1"/>
        <v>0</v>
      </c>
      <c r="U7" s="120">
        <f t="shared" si="2"/>
        <v>0</v>
      </c>
      <c r="W7" s="122"/>
    </row>
    <row r="8" spans="2:23" x14ac:dyDescent="0.4">
      <c r="B8" s="113">
        <v>3</v>
      </c>
      <c r="C8" s="118" t="s">
        <v>145</v>
      </c>
      <c r="D8" s="113" t="s">
        <v>141</v>
      </c>
      <c r="E8" s="119"/>
      <c r="F8" s="113" t="s">
        <v>142</v>
      </c>
      <c r="G8" s="119"/>
      <c r="H8" s="114" t="s">
        <v>143</v>
      </c>
      <c r="I8" s="119">
        <v>0</v>
      </c>
      <c r="J8" s="114" t="s">
        <v>7</v>
      </c>
      <c r="K8" s="120">
        <f t="shared" si="0"/>
        <v>0</v>
      </c>
      <c r="M8" s="119"/>
      <c r="N8" s="113" t="s">
        <v>142</v>
      </c>
      <c r="O8" s="119"/>
      <c r="Q8" s="121">
        <f t="shared" si="3"/>
        <v>0</v>
      </c>
      <c r="R8" s="113" t="s">
        <v>142</v>
      </c>
      <c r="S8" s="121">
        <f t="shared" si="1"/>
        <v>0</v>
      </c>
      <c r="U8" s="120">
        <f t="shared" si="2"/>
        <v>0</v>
      </c>
      <c r="W8" s="122"/>
    </row>
    <row r="9" spans="2:23" x14ac:dyDescent="0.4">
      <c r="B9" s="113">
        <v>4</v>
      </c>
      <c r="C9" s="118" t="s">
        <v>146</v>
      </c>
      <c r="D9" s="113" t="s">
        <v>141</v>
      </c>
      <c r="E9" s="119"/>
      <c r="F9" s="113" t="s">
        <v>142</v>
      </c>
      <c r="G9" s="119"/>
      <c r="H9" s="114" t="s">
        <v>143</v>
      </c>
      <c r="I9" s="119">
        <v>0</v>
      </c>
      <c r="J9" s="114" t="s">
        <v>7</v>
      </c>
      <c r="K9" s="120">
        <f>(G9-E9-I9)*24</f>
        <v>0</v>
      </c>
      <c r="M9" s="119"/>
      <c r="N9" s="113" t="s">
        <v>142</v>
      </c>
      <c r="O9" s="119"/>
      <c r="Q9" s="121">
        <f>IF(E9&lt;M9,M9,E9)</f>
        <v>0</v>
      </c>
      <c r="R9" s="113" t="s">
        <v>142</v>
      </c>
      <c r="S9" s="121">
        <f>IF(G9&gt;O9,O9,G9)</f>
        <v>0</v>
      </c>
      <c r="U9" s="120">
        <f>(S9-Q9)*24</f>
        <v>0</v>
      </c>
      <c r="W9" s="122"/>
    </row>
    <row r="10" spans="2:23" x14ac:dyDescent="0.4">
      <c r="B10" s="113">
        <v>5</v>
      </c>
      <c r="C10" s="118" t="s">
        <v>147</v>
      </c>
      <c r="D10" s="113" t="s">
        <v>141</v>
      </c>
      <c r="E10" s="119"/>
      <c r="F10" s="113" t="s">
        <v>142</v>
      </c>
      <c r="G10" s="119"/>
      <c r="H10" s="114" t="s">
        <v>143</v>
      </c>
      <c r="I10" s="119">
        <v>0</v>
      </c>
      <c r="J10" s="114" t="s">
        <v>7</v>
      </c>
      <c r="K10" s="120">
        <f>(G10-E10-I10)*24</f>
        <v>0</v>
      </c>
      <c r="M10" s="119"/>
      <c r="N10" s="113" t="s">
        <v>142</v>
      </c>
      <c r="O10" s="119"/>
      <c r="Q10" s="121">
        <f t="shared" ref="Q10:Q25" si="4">IF(E10&lt;M10,M10,E10)</f>
        <v>0</v>
      </c>
      <c r="R10" s="113" t="s">
        <v>142</v>
      </c>
      <c r="S10" s="121">
        <f t="shared" ref="S10:S25" si="5">IF(G10&gt;O10,O10,G10)</f>
        <v>0</v>
      </c>
      <c r="U10" s="120">
        <f t="shared" ref="U10:U25" si="6">(S10-Q10)*24</f>
        <v>0</v>
      </c>
      <c r="W10" s="122"/>
    </row>
    <row r="11" spans="2:23" x14ac:dyDescent="0.4">
      <c r="B11" s="113">
        <v>6</v>
      </c>
      <c r="C11" s="118" t="s">
        <v>148</v>
      </c>
      <c r="D11" s="113" t="s">
        <v>141</v>
      </c>
      <c r="E11" s="119"/>
      <c r="F11" s="113" t="s">
        <v>142</v>
      </c>
      <c r="G11" s="119"/>
      <c r="H11" s="114" t="s">
        <v>143</v>
      </c>
      <c r="I11" s="119">
        <v>0</v>
      </c>
      <c r="J11" s="114" t="s">
        <v>7</v>
      </c>
      <c r="K11" s="120">
        <f t="shared" ref="K11:K25" si="7">(G11-E11-I11)*24</f>
        <v>0</v>
      </c>
      <c r="M11" s="119"/>
      <c r="N11" s="113" t="s">
        <v>142</v>
      </c>
      <c r="O11" s="119"/>
      <c r="Q11" s="121">
        <f t="shared" si="4"/>
        <v>0</v>
      </c>
      <c r="R11" s="113" t="s">
        <v>142</v>
      </c>
      <c r="S11" s="121">
        <f t="shared" si="5"/>
        <v>0</v>
      </c>
      <c r="U11" s="120">
        <f t="shared" si="6"/>
        <v>0</v>
      </c>
      <c r="W11" s="122"/>
    </row>
    <row r="12" spans="2:23" x14ac:dyDescent="0.4">
      <c r="B12" s="113">
        <v>7</v>
      </c>
      <c r="C12" s="118" t="s">
        <v>149</v>
      </c>
      <c r="D12" s="113" t="s">
        <v>141</v>
      </c>
      <c r="E12" s="119"/>
      <c r="F12" s="113" t="s">
        <v>142</v>
      </c>
      <c r="G12" s="119"/>
      <c r="H12" s="114" t="s">
        <v>143</v>
      </c>
      <c r="I12" s="119">
        <v>0</v>
      </c>
      <c r="J12" s="114" t="s">
        <v>7</v>
      </c>
      <c r="K12" s="120">
        <f t="shared" si="7"/>
        <v>0</v>
      </c>
      <c r="M12" s="119"/>
      <c r="N12" s="113" t="s">
        <v>142</v>
      </c>
      <c r="O12" s="119"/>
      <c r="Q12" s="121">
        <f t="shared" si="4"/>
        <v>0</v>
      </c>
      <c r="R12" s="113" t="s">
        <v>142</v>
      </c>
      <c r="S12" s="121">
        <f t="shared" si="5"/>
        <v>0</v>
      </c>
      <c r="U12" s="120">
        <f t="shared" si="6"/>
        <v>0</v>
      </c>
      <c r="W12" s="122"/>
    </row>
    <row r="13" spans="2:23" x14ac:dyDescent="0.4">
      <c r="B13" s="113">
        <v>8</v>
      </c>
      <c r="C13" s="118" t="s">
        <v>150</v>
      </c>
      <c r="D13" s="113" t="s">
        <v>141</v>
      </c>
      <c r="E13" s="119"/>
      <c r="F13" s="113" t="s">
        <v>142</v>
      </c>
      <c r="G13" s="119"/>
      <c r="H13" s="114" t="s">
        <v>143</v>
      </c>
      <c r="I13" s="119">
        <v>0</v>
      </c>
      <c r="J13" s="114" t="s">
        <v>7</v>
      </c>
      <c r="K13" s="120">
        <f t="shared" si="7"/>
        <v>0</v>
      </c>
      <c r="M13" s="119"/>
      <c r="N13" s="113" t="s">
        <v>142</v>
      </c>
      <c r="O13" s="119"/>
      <c r="Q13" s="121">
        <f t="shared" si="4"/>
        <v>0</v>
      </c>
      <c r="R13" s="113" t="s">
        <v>142</v>
      </c>
      <c r="S13" s="121">
        <f t="shared" si="5"/>
        <v>0</v>
      </c>
      <c r="U13" s="120">
        <f t="shared" si="6"/>
        <v>0</v>
      </c>
      <c r="W13" s="122"/>
    </row>
    <row r="14" spans="2:23" x14ac:dyDescent="0.4">
      <c r="B14" s="113">
        <v>9</v>
      </c>
      <c r="C14" s="118" t="s">
        <v>151</v>
      </c>
      <c r="D14" s="113" t="s">
        <v>141</v>
      </c>
      <c r="E14" s="119"/>
      <c r="F14" s="113" t="s">
        <v>142</v>
      </c>
      <c r="G14" s="119"/>
      <c r="H14" s="114" t="s">
        <v>143</v>
      </c>
      <c r="I14" s="119">
        <v>0</v>
      </c>
      <c r="J14" s="114" t="s">
        <v>7</v>
      </c>
      <c r="K14" s="120">
        <f t="shared" si="7"/>
        <v>0</v>
      </c>
      <c r="M14" s="119"/>
      <c r="N14" s="113" t="s">
        <v>142</v>
      </c>
      <c r="O14" s="119"/>
      <c r="Q14" s="121">
        <f t="shared" si="4"/>
        <v>0</v>
      </c>
      <c r="R14" s="113" t="s">
        <v>142</v>
      </c>
      <c r="S14" s="121">
        <f t="shared" si="5"/>
        <v>0</v>
      </c>
      <c r="U14" s="120">
        <f t="shared" si="6"/>
        <v>0</v>
      </c>
      <c r="W14" s="122"/>
    </row>
    <row r="15" spans="2:23" x14ac:dyDescent="0.4">
      <c r="B15" s="113">
        <v>10</v>
      </c>
      <c r="C15" s="118" t="s">
        <v>152</v>
      </c>
      <c r="D15" s="113" t="s">
        <v>141</v>
      </c>
      <c r="E15" s="119"/>
      <c r="F15" s="113" t="s">
        <v>142</v>
      </c>
      <c r="G15" s="119"/>
      <c r="H15" s="114" t="s">
        <v>143</v>
      </c>
      <c r="I15" s="119">
        <v>0</v>
      </c>
      <c r="J15" s="114" t="s">
        <v>7</v>
      </c>
      <c r="K15" s="120">
        <f t="shared" si="7"/>
        <v>0</v>
      </c>
      <c r="M15" s="119"/>
      <c r="N15" s="113" t="s">
        <v>142</v>
      </c>
      <c r="O15" s="119"/>
      <c r="Q15" s="121">
        <f t="shared" si="4"/>
        <v>0</v>
      </c>
      <c r="R15" s="113" t="s">
        <v>142</v>
      </c>
      <c r="S15" s="121">
        <f>IF(G15&gt;O15,O15,G15)</f>
        <v>0</v>
      </c>
      <c r="U15" s="120">
        <f t="shared" si="6"/>
        <v>0</v>
      </c>
      <c r="W15" s="122"/>
    </row>
    <row r="16" spans="2:23" x14ac:dyDescent="0.4">
      <c r="B16" s="113">
        <v>11</v>
      </c>
      <c r="C16" s="118" t="s">
        <v>153</v>
      </c>
      <c r="D16" s="113" t="s">
        <v>141</v>
      </c>
      <c r="E16" s="119"/>
      <c r="F16" s="113" t="s">
        <v>142</v>
      </c>
      <c r="G16" s="119"/>
      <c r="H16" s="114" t="s">
        <v>143</v>
      </c>
      <c r="I16" s="119">
        <v>0</v>
      </c>
      <c r="J16" s="114" t="s">
        <v>7</v>
      </c>
      <c r="K16" s="120">
        <f t="shared" si="7"/>
        <v>0</v>
      </c>
      <c r="M16" s="119"/>
      <c r="N16" s="113" t="s">
        <v>142</v>
      </c>
      <c r="O16" s="119"/>
      <c r="Q16" s="121">
        <f t="shared" si="4"/>
        <v>0</v>
      </c>
      <c r="R16" s="113" t="s">
        <v>142</v>
      </c>
      <c r="S16" s="121">
        <f t="shared" si="5"/>
        <v>0</v>
      </c>
      <c r="U16" s="120">
        <f t="shared" si="6"/>
        <v>0</v>
      </c>
      <c r="W16" s="122"/>
    </row>
    <row r="17" spans="2:23" x14ac:dyDescent="0.4">
      <c r="B17" s="113">
        <v>12</v>
      </c>
      <c r="C17" s="118" t="s">
        <v>154</v>
      </c>
      <c r="D17" s="113" t="s">
        <v>141</v>
      </c>
      <c r="E17" s="119"/>
      <c r="F17" s="113" t="s">
        <v>142</v>
      </c>
      <c r="G17" s="119"/>
      <c r="H17" s="114" t="s">
        <v>143</v>
      </c>
      <c r="I17" s="119">
        <v>0</v>
      </c>
      <c r="J17" s="114" t="s">
        <v>7</v>
      </c>
      <c r="K17" s="120">
        <f t="shared" si="7"/>
        <v>0</v>
      </c>
      <c r="M17" s="119"/>
      <c r="N17" s="113" t="s">
        <v>142</v>
      </c>
      <c r="O17" s="119"/>
      <c r="Q17" s="121">
        <f t="shared" si="4"/>
        <v>0</v>
      </c>
      <c r="R17" s="113" t="s">
        <v>142</v>
      </c>
      <c r="S17" s="121">
        <f t="shared" si="5"/>
        <v>0</v>
      </c>
      <c r="U17" s="120">
        <f t="shared" si="6"/>
        <v>0</v>
      </c>
      <c r="W17" s="122"/>
    </row>
    <row r="18" spans="2:23" x14ac:dyDescent="0.4">
      <c r="B18" s="113">
        <v>13</v>
      </c>
      <c r="C18" s="118" t="s">
        <v>155</v>
      </c>
      <c r="D18" s="113" t="s">
        <v>141</v>
      </c>
      <c r="E18" s="119"/>
      <c r="F18" s="113" t="s">
        <v>142</v>
      </c>
      <c r="G18" s="119"/>
      <c r="H18" s="114" t="s">
        <v>143</v>
      </c>
      <c r="I18" s="119">
        <v>0</v>
      </c>
      <c r="J18" s="114" t="s">
        <v>7</v>
      </c>
      <c r="K18" s="120">
        <f t="shared" si="7"/>
        <v>0</v>
      </c>
      <c r="M18" s="119"/>
      <c r="N18" s="113" t="s">
        <v>142</v>
      </c>
      <c r="O18" s="119"/>
      <c r="Q18" s="121">
        <f t="shared" si="4"/>
        <v>0</v>
      </c>
      <c r="R18" s="113" t="s">
        <v>142</v>
      </c>
      <c r="S18" s="121">
        <f t="shared" si="5"/>
        <v>0</v>
      </c>
      <c r="U18" s="120">
        <f t="shared" si="6"/>
        <v>0</v>
      </c>
      <c r="W18" s="122"/>
    </row>
    <row r="19" spans="2:23" x14ac:dyDescent="0.4">
      <c r="B19" s="113">
        <v>14</v>
      </c>
      <c r="C19" s="118" t="s">
        <v>156</v>
      </c>
      <c r="D19" s="113" t="s">
        <v>141</v>
      </c>
      <c r="E19" s="119"/>
      <c r="F19" s="113" t="s">
        <v>142</v>
      </c>
      <c r="G19" s="119"/>
      <c r="H19" s="114" t="s">
        <v>143</v>
      </c>
      <c r="I19" s="119">
        <v>0</v>
      </c>
      <c r="J19" s="114" t="s">
        <v>7</v>
      </c>
      <c r="K19" s="120">
        <f t="shared" si="7"/>
        <v>0</v>
      </c>
      <c r="M19" s="119"/>
      <c r="N19" s="113" t="s">
        <v>142</v>
      </c>
      <c r="O19" s="119"/>
      <c r="Q19" s="121">
        <f t="shared" si="4"/>
        <v>0</v>
      </c>
      <c r="R19" s="113" t="s">
        <v>142</v>
      </c>
      <c r="S19" s="121">
        <f t="shared" si="5"/>
        <v>0</v>
      </c>
      <c r="U19" s="120">
        <f t="shared" si="6"/>
        <v>0</v>
      </c>
      <c r="W19" s="122"/>
    </row>
    <row r="20" spans="2:23" x14ac:dyDescent="0.4">
      <c r="B20" s="113">
        <v>15</v>
      </c>
      <c r="C20" s="118" t="s">
        <v>157</v>
      </c>
      <c r="D20" s="113" t="s">
        <v>141</v>
      </c>
      <c r="E20" s="119"/>
      <c r="F20" s="113" t="s">
        <v>142</v>
      </c>
      <c r="G20" s="119"/>
      <c r="H20" s="114" t="s">
        <v>143</v>
      </c>
      <c r="I20" s="119">
        <v>0</v>
      </c>
      <c r="J20" s="114" t="s">
        <v>7</v>
      </c>
      <c r="K20" s="123">
        <f t="shared" si="7"/>
        <v>0</v>
      </c>
      <c r="M20" s="119"/>
      <c r="N20" s="113" t="s">
        <v>142</v>
      </c>
      <c r="O20" s="119"/>
      <c r="Q20" s="121">
        <f t="shared" si="4"/>
        <v>0</v>
      </c>
      <c r="R20" s="113" t="s">
        <v>142</v>
      </c>
      <c r="S20" s="121">
        <f t="shared" si="5"/>
        <v>0</v>
      </c>
      <c r="U20" s="120">
        <f t="shared" si="6"/>
        <v>0</v>
      </c>
      <c r="W20" s="122"/>
    </row>
    <row r="21" spans="2:23" x14ac:dyDescent="0.4">
      <c r="B21" s="113">
        <v>16</v>
      </c>
      <c r="C21" s="118" t="s">
        <v>158</v>
      </c>
      <c r="D21" s="113" t="s">
        <v>141</v>
      </c>
      <c r="E21" s="119"/>
      <c r="F21" s="113" t="s">
        <v>142</v>
      </c>
      <c r="G21" s="119"/>
      <c r="H21" s="114" t="s">
        <v>143</v>
      </c>
      <c r="I21" s="119">
        <v>0</v>
      </c>
      <c r="J21" s="114" t="s">
        <v>7</v>
      </c>
      <c r="K21" s="120">
        <f t="shared" si="7"/>
        <v>0</v>
      </c>
      <c r="M21" s="119"/>
      <c r="N21" s="113" t="s">
        <v>142</v>
      </c>
      <c r="O21" s="119"/>
      <c r="Q21" s="121">
        <f t="shared" si="4"/>
        <v>0</v>
      </c>
      <c r="R21" s="113" t="s">
        <v>142</v>
      </c>
      <c r="S21" s="121">
        <f t="shared" si="5"/>
        <v>0</v>
      </c>
      <c r="U21" s="120">
        <f t="shared" si="6"/>
        <v>0</v>
      </c>
      <c r="W21" s="122"/>
    </row>
    <row r="22" spans="2:23" x14ac:dyDescent="0.4">
      <c r="B22" s="113">
        <v>17</v>
      </c>
      <c r="C22" s="118" t="s">
        <v>159</v>
      </c>
      <c r="D22" s="113" t="s">
        <v>141</v>
      </c>
      <c r="E22" s="119"/>
      <c r="F22" s="113" t="s">
        <v>142</v>
      </c>
      <c r="G22" s="119"/>
      <c r="H22" s="114" t="s">
        <v>143</v>
      </c>
      <c r="I22" s="119">
        <v>0</v>
      </c>
      <c r="J22" s="114" t="s">
        <v>7</v>
      </c>
      <c r="K22" s="120">
        <f t="shared" si="7"/>
        <v>0</v>
      </c>
      <c r="M22" s="119"/>
      <c r="N22" s="113" t="s">
        <v>142</v>
      </c>
      <c r="O22" s="119"/>
      <c r="Q22" s="121">
        <f t="shared" si="4"/>
        <v>0</v>
      </c>
      <c r="R22" s="113" t="s">
        <v>142</v>
      </c>
      <c r="S22" s="121">
        <f t="shared" si="5"/>
        <v>0</v>
      </c>
      <c r="U22" s="120">
        <f t="shared" si="6"/>
        <v>0</v>
      </c>
      <c r="W22" s="122"/>
    </row>
    <row r="23" spans="2:23" x14ac:dyDescent="0.4">
      <c r="B23" s="113">
        <v>18</v>
      </c>
      <c r="C23" s="118" t="s">
        <v>160</v>
      </c>
      <c r="D23" s="113" t="s">
        <v>141</v>
      </c>
      <c r="E23" s="119"/>
      <c r="F23" s="113" t="s">
        <v>142</v>
      </c>
      <c r="G23" s="119"/>
      <c r="H23" s="114" t="s">
        <v>143</v>
      </c>
      <c r="I23" s="119">
        <v>0</v>
      </c>
      <c r="J23" s="114" t="s">
        <v>7</v>
      </c>
      <c r="K23" s="120">
        <f t="shared" si="7"/>
        <v>0</v>
      </c>
      <c r="M23" s="119"/>
      <c r="N23" s="113" t="s">
        <v>142</v>
      </c>
      <c r="O23" s="119"/>
      <c r="Q23" s="121">
        <f t="shared" si="4"/>
        <v>0</v>
      </c>
      <c r="R23" s="113" t="s">
        <v>142</v>
      </c>
      <c r="S23" s="121">
        <f t="shared" si="5"/>
        <v>0</v>
      </c>
      <c r="U23" s="120">
        <f t="shared" si="6"/>
        <v>0</v>
      </c>
      <c r="W23" s="122"/>
    </row>
    <row r="24" spans="2:23" x14ac:dyDescent="0.4">
      <c r="B24" s="113">
        <v>19</v>
      </c>
      <c r="C24" s="118" t="s">
        <v>161</v>
      </c>
      <c r="D24" s="113" t="s">
        <v>141</v>
      </c>
      <c r="E24" s="119"/>
      <c r="F24" s="113" t="s">
        <v>142</v>
      </c>
      <c r="G24" s="119"/>
      <c r="H24" s="114" t="s">
        <v>143</v>
      </c>
      <c r="I24" s="119">
        <v>0</v>
      </c>
      <c r="J24" s="114" t="s">
        <v>7</v>
      </c>
      <c r="K24" s="120">
        <f t="shared" si="7"/>
        <v>0</v>
      </c>
      <c r="M24" s="119"/>
      <c r="N24" s="113" t="s">
        <v>142</v>
      </c>
      <c r="O24" s="119"/>
      <c r="Q24" s="121">
        <f t="shared" si="4"/>
        <v>0</v>
      </c>
      <c r="R24" s="113" t="s">
        <v>142</v>
      </c>
      <c r="S24" s="121">
        <f t="shared" si="5"/>
        <v>0</v>
      </c>
      <c r="U24" s="120">
        <f t="shared" si="6"/>
        <v>0</v>
      </c>
      <c r="W24" s="122"/>
    </row>
    <row r="25" spans="2:23" x14ac:dyDescent="0.4">
      <c r="B25" s="113">
        <v>20</v>
      </c>
      <c r="C25" s="118" t="s">
        <v>162</v>
      </c>
      <c r="D25" s="113" t="s">
        <v>141</v>
      </c>
      <c r="E25" s="119"/>
      <c r="F25" s="113" t="s">
        <v>142</v>
      </c>
      <c r="G25" s="119"/>
      <c r="H25" s="114" t="s">
        <v>143</v>
      </c>
      <c r="I25" s="119">
        <v>0</v>
      </c>
      <c r="J25" s="114" t="s">
        <v>7</v>
      </c>
      <c r="K25" s="120">
        <f t="shared" si="7"/>
        <v>0</v>
      </c>
      <c r="M25" s="119"/>
      <c r="N25" s="113" t="s">
        <v>142</v>
      </c>
      <c r="O25" s="119"/>
      <c r="Q25" s="121">
        <f t="shared" si="4"/>
        <v>0</v>
      </c>
      <c r="R25" s="113" t="s">
        <v>142</v>
      </c>
      <c r="S25" s="121">
        <f t="shared" si="5"/>
        <v>0</v>
      </c>
      <c r="U25" s="120">
        <f t="shared" si="6"/>
        <v>0</v>
      </c>
      <c r="W25" s="122"/>
    </row>
    <row r="26" spans="2:23" x14ac:dyDescent="0.4">
      <c r="B26" s="113">
        <v>21</v>
      </c>
      <c r="C26" s="118" t="s">
        <v>163</v>
      </c>
      <c r="D26" s="113" t="s">
        <v>141</v>
      </c>
      <c r="E26" s="124"/>
      <c r="F26" s="113" t="s">
        <v>142</v>
      </c>
      <c r="G26" s="124"/>
      <c r="H26" s="114" t="s">
        <v>143</v>
      </c>
      <c r="I26" s="124"/>
      <c r="J26" s="114" t="s">
        <v>7</v>
      </c>
      <c r="K26" s="118">
        <v>1</v>
      </c>
      <c r="M26" s="120"/>
      <c r="N26" s="113" t="s">
        <v>142</v>
      </c>
      <c r="O26" s="120"/>
      <c r="Q26" s="120"/>
      <c r="R26" s="113" t="s">
        <v>142</v>
      </c>
      <c r="S26" s="120"/>
      <c r="U26" s="118">
        <v>1</v>
      </c>
      <c r="W26" s="122"/>
    </row>
    <row r="27" spans="2:23" x14ac:dyDescent="0.4">
      <c r="B27" s="113">
        <v>22</v>
      </c>
      <c r="C27" s="118" t="s">
        <v>164</v>
      </c>
      <c r="D27" s="113" t="s">
        <v>141</v>
      </c>
      <c r="E27" s="124"/>
      <c r="F27" s="113" t="s">
        <v>142</v>
      </c>
      <c r="G27" s="124"/>
      <c r="H27" s="114" t="s">
        <v>143</v>
      </c>
      <c r="I27" s="124"/>
      <c r="J27" s="114" t="s">
        <v>7</v>
      </c>
      <c r="K27" s="118">
        <v>2</v>
      </c>
      <c r="M27" s="120"/>
      <c r="N27" s="113" t="s">
        <v>142</v>
      </c>
      <c r="O27" s="120"/>
      <c r="Q27" s="120"/>
      <c r="R27" s="113" t="s">
        <v>142</v>
      </c>
      <c r="S27" s="120"/>
      <c r="U27" s="118">
        <v>2</v>
      </c>
      <c r="W27" s="122"/>
    </row>
    <row r="28" spans="2:23" x14ac:dyDescent="0.4">
      <c r="B28" s="113">
        <v>23</v>
      </c>
      <c r="C28" s="118" t="s">
        <v>165</v>
      </c>
      <c r="D28" s="113" t="s">
        <v>141</v>
      </c>
      <c r="E28" s="124"/>
      <c r="F28" s="113" t="s">
        <v>142</v>
      </c>
      <c r="G28" s="124"/>
      <c r="H28" s="114" t="s">
        <v>143</v>
      </c>
      <c r="I28" s="124"/>
      <c r="J28" s="114" t="s">
        <v>7</v>
      </c>
      <c r="K28" s="118">
        <v>3</v>
      </c>
      <c r="M28" s="120"/>
      <c r="N28" s="113" t="s">
        <v>142</v>
      </c>
      <c r="O28" s="120"/>
      <c r="Q28" s="120"/>
      <c r="R28" s="113" t="s">
        <v>142</v>
      </c>
      <c r="S28" s="120"/>
      <c r="U28" s="118">
        <v>3</v>
      </c>
      <c r="W28" s="122"/>
    </row>
    <row r="29" spans="2:23" x14ac:dyDescent="0.4">
      <c r="B29" s="113">
        <v>24</v>
      </c>
      <c r="C29" s="118" t="s">
        <v>166</v>
      </c>
      <c r="D29" s="113" t="s">
        <v>141</v>
      </c>
      <c r="E29" s="124"/>
      <c r="F29" s="113" t="s">
        <v>142</v>
      </c>
      <c r="G29" s="124"/>
      <c r="H29" s="114" t="s">
        <v>143</v>
      </c>
      <c r="I29" s="124"/>
      <c r="J29" s="114" t="s">
        <v>7</v>
      </c>
      <c r="K29" s="118">
        <v>4</v>
      </c>
      <c r="M29" s="120"/>
      <c r="N29" s="113" t="s">
        <v>142</v>
      </c>
      <c r="O29" s="120"/>
      <c r="Q29" s="120"/>
      <c r="R29" s="113" t="s">
        <v>142</v>
      </c>
      <c r="S29" s="120"/>
      <c r="U29" s="118">
        <v>4</v>
      </c>
      <c r="W29" s="122"/>
    </row>
    <row r="30" spans="2:23" x14ac:dyDescent="0.4">
      <c r="B30" s="113">
        <v>25</v>
      </c>
      <c r="C30" s="118" t="s">
        <v>167</v>
      </c>
      <c r="D30" s="113" t="s">
        <v>141</v>
      </c>
      <c r="E30" s="124"/>
      <c r="F30" s="113" t="s">
        <v>142</v>
      </c>
      <c r="G30" s="124"/>
      <c r="H30" s="114" t="s">
        <v>143</v>
      </c>
      <c r="I30" s="124"/>
      <c r="J30" s="114" t="s">
        <v>7</v>
      </c>
      <c r="K30" s="118">
        <v>4</v>
      </c>
      <c r="M30" s="120"/>
      <c r="N30" s="113" t="s">
        <v>142</v>
      </c>
      <c r="O30" s="120"/>
      <c r="Q30" s="120"/>
      <c r="R30" s="113" t="s">
        <v>142</v>
      </c>
      <c r="S30" s="120"/>
      <c r="U30" s="118">
        <v>3</v>
      </c>
      <c r="W30" s="122"/>
    </row>
    <row r="31" spans="2:23" x14ac:dyDescent="0.4">
      <c r="B31" s="113">
        <v>26</v>
      </c>
      <c r="C31" s="118" t="s">
        <v>168</v>
      </c>
      <c r="D31" s="113" t="s">
        <v>141</v>
      </c>
      <c r="E31" s="124"/>
      <c r="F31" s="113" t="s">
        <v>142</v>
      </c>
      <c r="G31" s="124"/>
      <c r="H31" s="114" t="s">
        <v>143</v>
      </c>
      <c r="I31" s="124"/>
      <c r="J31" s="114" t="s">
        <v>7</v>
      </c>
      <c r="K31" s="118">
        <v>5</v>
      </c>
      <c r="M31" s="120"/>
      <c r="N31" s="113" t="s">
        <v>142</v>
      </c>
      <c r="O31" s="120"/>
      <c r="Q31" s="120"/>
      <c r="R31" s="113" t="s">
        <v>142</v>
      </c>
      <c r="S31" s="120"/>
      <c r="U31" s="118">
        <v>5</v>
      </c>
      <c r="W31" s="122"/>
    </row>
    <row r="32" spans="2:23" x14ac:dyDescent="0.4">
      <c r="B32" s="113">
        <v>27</v>
      </c>
      <c r="C32" s="118" t="s">
        <v>169</v>
      </c>
      <c r="D32" s="113" t="s">
        <v>141</v>
      </c>
      <c r="E32" s="124"/>
      <c r="F32" s="113" t="s">
        <v>142</v>
      </c>
      <c r="G32" s="124"/>
      <c r="H32" s="114" t="s">
        <v>143</v>
      </c>
      <c r="I32" s="124"/>
      <c r="J32" s="114" t="s">
        <v>7</v>
      </c>
      <c r="K32" s="118">
        <v>0</v>
      </c>
      <c r="M32" s="120"/>
      <c r="N32" s="113" t="s">
        <v>142</v>
      </c>
      <c r="O32" s="120"/>
      <c r="Q32" s="120"/>
      <c r="R32" s="113" t="s">
        <v>142</v>
      </c>
      <c r="S32" s="120"/>
      <c r="U32" s="118">
        <v>0</v>
      </c>
      <c r="W32" s="122" t="s">
        <v>170</v>
      </c>
    </row>
    <row r="33" spans="2:23" x14ac:dyDescent="0.4">
      <c r="B33" s="113">
        <v>28</v>
      </c>
      <c r="C33" s="118" t="s">
        <v>57</v>
      </c>
      <c r="D33" s="113" t="s">
        <v>141</v>
      </c>
      <c r="E33" s="124"/>
      <c r="F33" s="113" t="s">
        <v>142</v>
      </c>
      <c r="G33" s="124"/>
      <c r="H33" s="114" t="s">
        <v>143</v>
      </c>
      <c r="I33" s="124"/>
      <c r="J33" s="114" t="s">
        <v>7</v>
      </c>
      <c r="K33" s="118"/>
      <c r="M33" s="120"/>
      <c r="N33" s="113" t="s">
        <v>142</v>
      </c>
      <c r="O33" s="120"/>
      <c r="Q33" s="120"/>
      <c r="R33" s="113" t="s">
        <v>142</v>
      </c>
      <c r="S33" s="120"/>
      <c r="U33" s="118"/>
      <c r="W33" s="122"/>
    </row>
    <row r="34" spans="2:23" x14ac:dyDescent="0.4">
      <c r="B34" s="113">
        <v>29</v>
      </c>
      <c r="C34" s="118" t="s">
        <v>57</v>
      </c>
      <c r="D34" s="113" t="s">
        <v>141</v>
      </c>
      <c r="E34" s="124"/>
      <c r="F34" s="113" t="s">
        <v>142</v>
      </c>
      <c r="G34" s="124"/>
      <c r="H34" s="114" t="s">
        <v>143</v>
      </c>
      <c r="I34" s="124"/>
      <c r="J34" s="114" t="s">
        <v>7</v>
      </c>
      <c r="K34" s="118"/>
      <c r="M34" s="120"/>
      <c r="N34" s="113" t="s">
        <v>142</v>
      </c>
      <c r="O34" s="120"/>
      <c r="Q34" s="120"/>
      <c r="R34" s="113" t="s">
        <v>142</v>
      </c>
      <c r="S34" s="120"/>
      <c r="U34" s="118"/>
      <c r="W34" s="122"/>
    </row>
    <row r="35" spans="2:23" x14ac:dyDescent="0.4">
      <c r="B35" s="113">
        <v>30</v>
      </c>
      <c r="C35" s="118" t="s">
        <v>57</v>
      </c>
      <c r="D35" s="113" t="s">
        <v>141</v>
      </c>
      <c r="E35" s="124"/>
      <c r="F35" s="113" t="s">
        <v>142</v>
      </c>
      <c r="G35" s="124"/>
      <c r="H35" s="114" t="s">
        <v>143</v>
      </c>
      <c r="I35" s="124"/>
      <c r="J35" s="114" t="s">
        <v>7</v>
      </c>
      <c r="K35" s="118"/>
      <c r="M35" s="120"/>
      <c r="N35" s="113" t="s">
        <v>142</v>
      </c>
      <c r="O35" s="120"/>
      <c r="Q35" s="120"/>
      <c r="R35" s="113" t="s">
        <v>142</v>
      </c>
      <c r="S35" s="120"/>
      <c r="U35" s="118"/>
      <c r="W35" s="122"/>
    </row>
    <row r="36" spans="2:23" x14ac:dyDescent="0.4">
      <c r="C36" s="125"/>
    </row>
    <row r="37" spans="2:23" x14ac:dyDescent="0.4">
      <c r="C37" s="114" t="s">
        <v>171</v>
      </c>
    </row>
    <row r="38" spans="2:23" x14ac:dyDescent="0.4">
      <c r="C38" s="114" t="s">
        <v>172</v>
      </c>
    </row>
    <row r="39" spans="2:23" x14ac:dyDescent="0.4">
      <c r="C39" s="114" t="s">
        <v>173</v>
      </c>
    </row>
    <row r="40" spans="2:23" x14ac:dyDescent="0.4">
      <c r="C40" s="114" t="s">
        <v>174</v>
      </c>
    </row>
    <row r="41" spans="2:23" x14ac:dyDescent="0.4">
      <c r="C41" s="115" t="s">
        <v>175</v>
      </c>
    </row>
    <row r="42" spans="2:23" x14ac:dyDescent="0.4">
      <c r="C42" s="115" t="s">
        <v>176</v>
      </c>
    </row>
  </sheetData>
  <sheetProtection insertRows="0" deleteRows="0"/>
  <mergeCells count="4">
    <mergeCell ref="E4:K4"/>
    <mergeCell ref="M4:O4"/>
    <mergeCell ref="Q4:U4"/>
    <mergeCell ref="W4:W5"/>
  </mergeCells>
  <phoneticPr fontId="3"/>
  <pageMargins left="0.15748031496062992" right="0.15748031496062992" top="0.55118110236220474" bottom="0.35433070866141736" header="0.31496062992125984" footer="0.31496062992125984"/>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ADF323-87E7-4AF4-AD2A-44F45442E521}">
  <sheetPr>
    <pageSetUpPr fitToPage="1"/>
  </sheetPr>
  <dimension ref="B1:W42"/>
  <sheetViews>
    <sheetView zoomScaleNormal="100" workbookViewId="0">
      <selection activeCell="Z18" sqref="Z18:AA18"/>
    </sheetView>
  </sheetViews>
  <sheetFormatPr defaultColWidth="9" defaultRowHeight="25.5" x14ac:dyDescent="0.4"/>
  <cols>
    <col min="1" max="1" width="1.625" style="114" customWidth="1"/>
    <col min="2" max="2" width="5.625" style="113" customWidth="1"/>
    <col min="3" max="3" width="10.625" style="113" customWidth="1"/>
    <col min="4" max="4" width="3.375" style="113" bestFit="1" customWidth="1"/>
    <col min="5" max="5" width="15.625" style="114" customWidth="1"/>
    <col min="6" max="6" width="3.375" style="114" bestFit="1" customWidth="1"/>
    <col min="7" max="7" width="15.625" style="114" customWidth="1"/>
    <col min="8" max="8" width="3.375" style="114" bestFit="1" customWidth="1"/>
    <col min="9" max="9" width="15.625" style="113" customWidth="1"/>
    <col min="10" max="10" width="3.375" style="114" bestFit="1" customWidth="1"/>
    <col min="11" max="11" width="15.625" style="114" customWidth="1"/>
    <col min="12" max="12" width="3.375" style="114" customWidth="1"/>
    <col min="13" max="13" width="15.625" style="114" customWidth="1"/>
    <col min="14" max="14" width="3.375" style="114" customWidth="1"/>
    <col min="15" max="15" width="15.625" style="114" customWidth="1"/>
    <col min="16" max="16" width="3.375" style="114" customWidth="1"/>
    <col min="17" max="17" width="15.625" style="114" customWidth="1"/>
    <col min="18" max="18" width="3.375" style="114" customWidth="1"/>
    <col min="19" max="19" width="15.625" style="114" customWidth="1"/>
    <col min="20" max="20" width="3.375" style="114" customWidth="1"/>
    <col min="21" max="21" width="15.625" style="114" customWidth="1"/>
    <col min="22" max="22" width="3.375" style="114" customWidth="1"/>
    <col min="23" max="23" width="50.625" style="114" customWidth="1"/>
    <col min="24" max="16384" width="9" style="114"/>
  </cols>
  <sheetData>
    <row r="1" spans="2:23" x14ac:dyDescent="0.4">
      <c r="B1" s="112" t="s">
        <v>127</v>
      </c>
    </row>
    <row r="2" spans="2:23" x14ac:dyDescent="0.4">
      <c r="B2" s="115" t="s">
        <v>128</v>
      </c>
      <c r="E2" s="116"/>
      <c r="I2" s="117"/>
    </row>
    <row r="3" spans="2:23" x14ac:dyDescent="0.4">
      <c r="B3" s="117" t="s">
        <v>129</v>
      </c>
      <c r="E3" s="116" t="s">
        <v>130</v>
      </c>
      <c r="I3" s="117"/>
    </row>
    <row r="4" spans="2:23" x14ac:dyDescent="0.4">
      <c r="B4" s="115"/>
      <c r="E4" s="434" t="s">
        <v>131</v>
      </c>
      <c r="F4" s="434"/>
      <c r="G4" s="434"/>
      <c r="H4" s="434"/>
      <c r="I4" s="434"/>
      <c r="J4" s="434"/>
      <c r="K4" s="434"/>
      <c r="M4" s="434" t="s">
        <v>132</v>
      </c>
      <c r="N4" s="434"/>
      <c r="O4" s="434"/>
      <c r="Q4" s="434" t="s">
        <v>133</v>
      </c>
      <c r="R4" s="434"/>
      <c r="S4" s="434"/>
      <c r="T4" s="434"/>
      <c r="U4" s="434"/>
      <c r="W4" s="434" t="s">
        <v>134</v>
      </c>
    </row>
    <row r="5" spans="2:23" x14ac:dyDescent="0.4">
      <c r="B5" s="113" t="s">
        <v>20</v>
      </c>
      <c r="C5" s="113" t="s">
        <v>43</v>
      </c>
      <c r="E5" s="113" t="s">
        <v>135</v>
      </c>
      <c r="F5" s="113"/>
      <c r="G5" s="113" t="s">
        <v>136</v>
      </c>
      <c r="I5" s="113" t="s">
        <v>137</v>
      </c>
      <c r="K5" s="113" t="s">
        <v>131</v>
      </c>
      <c r="M5" s="113" t="s">
        <v>138</v>
      </c>
      <c r="O5" s="113" t="s">
        <v>139</v>
      </c>
      <c r="Q5" s="113" t="s">
        <v>138</v>
      </c>
      <c r="S5" s="113" t="s">
        <v>139</v>
      </c>
      <c r="U5" s="113" t="s">
        <v>131</v>
      </c>
      <c r="W5" s="434"/>
    </row>
    <row r="6" spans="2:23" x14ac:dyDescent="0.4">
      <c r="B6" s="113">
        <v>1</v>
      </c>
      <c r="C6" s="118" t="s">
        <v>140</v>
      </c>
      <c r="D6" s="113" t="s">
        <v>141</v>
      </c>
      <c r="E6" s="119">
        <v>0.375</v>
      </c>
      <c r="F6" s="113" t="s">
        <v>142</v>
      </c>
      <c r="G6" s="119">
        <v>0.75</v>
      </c>
      <c r="H6" s="114" t="s">
        <v>143</v>
      </c>
      <c r="I6" s="119">
        <v>4.1666666666666664E-2</v>
      </c>
      <c r="J6" s="114" t="s">
        <v>7</v>
      </c>
      <c r="K6" s="120">
        <f t="shared" ref="K6:K8" si="0">(G6-E6-I6)*24</f>
        <v>8</v>
      </c>
      <c r="M6" s="119">
        <v>0.39583333333333331</v>
      </c>
      <c r="N6" s="113" t="s">
        <v>142</v>
      </c>
      <c r="O6" s="119">
        <v>0.6875</v>
      </c>
      <c r="Q6" s="121">
        <f>IF(E6&lt;M6,M6,E6)</f>
        <v>0.39583333333333331</v>
      </c>
      <c r="R6" s="113" t="s">
        <v>142</v>
      </c>
      <c r="S6" s="121">
        <f t="shared" ref="S6:S8" si="1">IF(G6&gt;O6,O6,G6)</f>
        <v>0.6875</v>
      </c>
      <c r="U6" s="120">
        <f t="shared" ref="U6:U8" si="2">(S6-Q6)*24</f>
        <v>7</v>
      </c>
      <c r="W6" s="122"/>
    </row>
    <row r="7" spans="2:23" x14ac:dyDescent="0.4">
      <c r="B7" s="113">
        <v>2</v>
      </c>
      <c r="C7" s="118" t="s">
        <v>144</v>
      </c>
      <c r="D7" s="113" t="s">
        <v>141</v>
      </c>
      <c r="E7" s="119"/>
      <c r="F7" s="113" t="s">
        <v>142</v>
      </c>
      <c r="G7" s="119"/>
      <c r="H7" s="114" t="s">
        <v>143</v>
      </c>
      <c r="I7" s="119">
        <v>0</v>
      </c>
      <c r="J7" s="114" t="s">
        <v>7</v>
      </c>
      <c r="K7" s="120">
        <f t="shared" si="0"/>
        <v>0</v>
      </c>
      <c r="M7" s="119"/>
      <c r="N7" s="113" t="s">
        <v>142</v>
      </c>
      <c r="O7" s="119"/>
      <c r="Q7" s="121">
        <f t="shared" ref="Q7:Q8" si="3">IF(E7&lt;M7,M7,E7)</f>
        <v>0</v>
      </c>
      <c r="R7" s="113" t="s">
        <v>142</v>
      </c>
      <c r="S7" s="121">
        <f t="shared" si="1"/>
        <v>0</v>
      </c>
      <c r="U7" s="120">
        <f t="shared" si="2"/>
        <v>0</v>
      </c>
      <c r="W7" s="122"/>
    </row>
    <row r="8" spans="2:23" x14ac:dyDescent="0.4">
      <c r="B8" s="113">
        <v>3</v>
      </c>
      <c r="C8" s="118" t="s">
        <v>145</v>
      </c>
      <c r="D8" s="113" t="s">
        <v>141</v>
      </c>
      <c r="E8" s="119"/>
      <c r="F8" s="113" t="s">
        <v>142</v>
      </c>
      <c r="G8" s="119"/>
      <c r="H8" s="114" t="s">
        <v>143</v>
      </c>
      <c r="I8" s="119">
        <v>0</v>
      </c>
      <c r="J8" s="114" t="s">
        <v>7</v>
      </c>
      <c r="K8" s="120">
        <f t="shared" si="0"/>
        <v>0</v>
      </c>
      <c r="M8" s="119"/>
      <c r="N8" s="113" t="s">
        <v>142</v>
      </c>
      <c r="O8" s="119"/>
      <c r="Q8" s="121">
        <f t="shared" si="3"/>
        <v>0</v>
      </c>
      <c r="R8" s="113" t="s">
        <v>142</v>
      </c>
      <c r="S8" s="121">
        <f t="shared" si="1"/>
        <v>0</v>
      </c>
      <c r="U8" s="120">
        <f t="shared" si="2"/>
        <v>0</v>
      </c>
      <c r="W8" s="122"/>
    </row>
    <row r="9" spans="2:23" x14ac:dyDescent="0.4">
      <c r="B9" s="113">
        <v>4</v>
      </c>
      <c r="C9" s="118" t="s">
        <v>146</v>
      </c>
      <c r="D9" s="113" t="s">
        <v>141</v>
      </c>
      <c r="E9" s="119"/>
      <c r="F9" s="113" t="s">
        <v>142</v>
      </c>
      <c r="G9" s="119"/>
      <c r="H9" s="114" t="s">
        <v>143</v>
      </c>
      <c r="I9" s="119">
        <v>0</v>
      </c>
      <c r="J9" s="114" t="s">
        <v>7</v>
      </c>
      <c r="K9" s="120">
        <f>(G9-E9-I9)*24</f>
        <v>0</v>
      </c>
      <c r="M9" s="119"/>
      <c r="N9" s="113" t="s">
        <v>142</v>
      </c>
      <c r="O9" s="119"/>
      <c r="Q9" s="121">
        <f>IF(E9&lt;M9,M9,E9)</f>
        <v>0</v>
      </c>
      <c r="R9" s="113" t="s">
        <v>142</v>
      </c>
      <c r="S9" s="121">
        <f>IF(G9&gt;O9,O9,G9)</f>
        <v>0</v>
      </c>
      <c r="U9" s="120">
        <f>(S9-Q9)*24</f>
        <v>0</v>
      </c>
      <c r="W9" s="122"/>
    </row>
    <row r="10" spans="2:23" x14ac:dyDescent="0.4">
      <c r="B10" s="113">
        <v>5</v>
      </c>
      <c r="C10" s="118" t="s">
        <v>147</v>
      </c>
      <c r="D10" s="113" t="s">
        <v>141</v>
      </c>
      <c r="E10" s="119"/>
      <c r="F10" s="113" t="s">
        <v>142</v>
      </c>
      <c r="G10" s="119"/>
      <c r="H10" s="114" t="s">
        <v>143</v>
      </c>
      <c r="I10" s="119">
        <v>0</v>
      </c>
      <c r="J10" s="114" t="s">
        <v>7</v>
      </c>
      <c r="K10" s="120">
        <f>(G10-E10-I10)*24</f>
        <v>0</v>
      </c>
      <c r="M10" s="119"/>
      <c r="N10" s="113" t="s">
        <v>142</v>
      </c>
      <c r="O10" s="119"/>
      <c r="Q10" s="121">
        <f t="shared" ref="Q10:Q25" si="4">IF(E10&lt;M10,M10,E10)</f>
        <v>0</v>
      </c>
      <c r="R10" s="113" t="s">
        <v>142</v>
      </c>
      <c r="S10" s="121">
        <f t="shared" ref="S10:S25" si="5">IF(G10&gt;O10,O10,G10)</f>
        <v>0</v>
      </c>
      <c r="U10" s="120">
        <f t="shared" ref="U10:U25" si="6">(S10-Q10)*24</f>
        <v>0</v>
      </c>
      <c r="W10" s="122"/>
    </row>
    <row r="11" spans="2:23" x14ac:dyDescent="0.4">
      <c r="B11" s="113">
        <v>6</v>
      </c>
      <c r="C11" s="118" t="s">
        <v>148</v>
      </c>
      <c r="D11" s="113" t="s">
        <v>141</v>
      </c>
      <c r="E11" s="119"/>
      <c r="F11" s="113" t="s">
        <v>142</v>
      </c>
      <c r="G11" s="119"/>
      <c r="H11" s="114" t="s">
        <v>143</v>
      </c>
      <c r="I11" s="119">
        <v>0</v>
      </c>
      <c r="J11" s="114" t="s">
        <v>7</v>
      </c>
      <c r="K11" s="120">
        <f t="shared" ref="K11:K25" si="7">(G11-E11-I11)*24</f>
        <v>0</v>
      </c>
      <c r="M11" s="119"/>
      <c r="N11" s="113" t="s">
        <v>142</v>
      </c>
      <c r="O11" s="119"/>
      <c r="Q11" s="121">
        <f t="shared" si="4"/>
        <v>0</v>
      </c>
      <c r="R11" s="113" t="s">
        <v>142</v>
      </c>
      <c r="S11" s="121">
        <f t="shared" si="5"/>
        <v>0</v>
      </c>
      <c r="U11" s="120">
        <f t="shared" si="6"/>
        <v>0</v>
      </c>
      <c r="W11" s="122"/>
    </row>
    <row r="12" spans="2:23" x14ac:dyDescent="0.4">
      <c r="B12" s="113">
        <v>7</v>
      </c>
      <c r="C12" s="118" t="s">
        <v>149</v>
      </c>
      <c r="D12" s="113" t="s">
        <v>141</v>
      </c>
      <c r="E12" s="119"/>
      <c r="F12" s="113" t="s">
        <v>142</v>
      </c>
      <c r="G12" s="119"/>
      <c r="H12" s="114" t="s">
        <v>143</v>
      </c>
      <c r="I12" s="119">
        <v>0</v>
      </c>
      <c r="J12" s="114" t="s">
        <v>7</v>
      </c>
      <c r="K12" s="120">
        <f t="shared" si="7"/>
        <v>0</v>
      </c>
      <c r="M12" s="119"/>
      <c r="N12" s="113" t="s">
        <v>142</v>
      </c>
      <c r="O12" s="119"/>
      <c r="Q12" s="121">
        <f t="shared" si="4"/>
        <v>0</v>
      </c>
      <c r="R12" s="113" t="s">
        <v>142</v>
      </c>
      <c r="S12" s="121">
        <f t="shared" si="5"/>
        <v>0</v>
      </c>
      <c r="U12" s="120">
        <f t="shared" si="6"/>
        <v>0</v>
      </c>
      <c r="W12" s="122"/>
    </row>
    <row r="13" spans="2:23" x14ac:dyDescent="0.4">
      <c r="B13" s="113">
        <v>8</v>
      </c>
      <c r="C13" s="118" t="s">
        <v>150</v>
      </c>
      <c r="D13" s="113" t="s">
        <v>141</v>
      </c>
      <c r="E13" s="119"/>
      <c r="F13" s="113" t="s">
        <v>142</v>
      </c>
      <c r="G13" s="119"/>
      <c r="H13" s="114" t="s">
        <v>143</v>
      </c>
      <c r="I13" s="119">
        <v>0</v>
      </c>
      <c r="J13" s="114" t="s">
        <v>7</v>
      </c>
      <c r="K13" s="120">
        <f t="shared" si="7"/>
        <v>0</v>
      </c>
      <c r="M13" s="119"/>
      <c r="N13" s="113" t="s">
        <v>142</v>
      </c>
      <c r="O13" s="119"/>
      <c r="Q13" s="121">
        <f t="shared" si="4"/>
        <v>0</v>
      </c>
      <c r="R13" s="113" t="s">
        <v>142</v>
      </c>
      <c r="S13" s="121">
        <f t="shared" si="5"/>
        <v>0</v>
      </c>
      <c r="U13" s="120">
        <f t="shared" si="6"/>
        <v>0</v>
      </c>
      <c r="W13" s="122"/>
    </row>
    <row r="14" spans="2:23" x14ac:dyDescent="0.4">
      <c r="B14" s="113">
        <v>9</v>
      </c>
      <c r="C14" s="118" t="s">
        <v>151</v>
      </c>
      <c r="D14" s="113" t="s">
        <v>141</v>
      </c>
      <c r="E14" s="119"/>
      <c r="F14" s="113" t="s">
        <v>142</v>
      </c>
      <c r="G14" s="119"/>
      <c r="H14" s="114" t="s">
        <v>143</v>
      </c>
      <c r="I14" s="119">
        <v>0</v>
      </c>
      <c r="J14" s="114" t="s">
        <v>7</v>
      </c>
      <c r="K14" s="120">
        <f t="shared" si="7"/>
        <v>0</v>
      </c>
      <c r="M14" s="119"/>
      <c r="N14" s="113" t="s">
        <v>142</v>
      </c>
      <c r="O14" s="119"/>
      <c r="Q14" s="121">
        <f t="shared" si="4"/>
        <v>0</v>
      </c>
      <c r="R14" s="113" t="s">
        <v>142</v>
      </c>
      <c r="S14" s="121">
        <f t="shared" si="5"/>
        <v>0</v>
      </c>
      <c r="U14" s="120">
        <f t="shared" si="6"/>
        <v>0</v>
      </c>
      <c r="W14" s="122"/>
    </row>
    <row r="15" spans="2:23" x14ac:dyDescent="0.4">
      <c r="B15" s="113">
        <v>10</v>
      </c>
      <c r="C15" s="118" t="s">
        <v>152</v>
      </c>
      <c r="D15" s="113" t="s">
        <v>141</v>
      </c>
      <c r="E15" s="119"/>
      <c r="F15" s="113" t="s">
        <v>142</v>
      </c>
      <c r="G15" s="119"/>
      <c r="H15" s="114" t="s">
        <v>143</v>
      </c>
      <c r="I15" s="119">
        <v>0</v>
      </c>
      <c r="J15" s="114" t="s">
        <v>7</v>
      </c>
      <c r="K15" s="120">
        <f t="shared" si="7"/>
        <v>0</v>
      </c>
      <c r="M15" s="119"/>
      <c r="N15" s="113" t="s">
        <v>142</v>
      </c>
      <c r="O15" s="119"/>
      <c r="Q15" s="121">
        <f t="shared" si="4"/>
        <v>0</v>
      </c>
      <c r="R15" s="113" t="s">
        <v>142</v>
      </c>
      <c r="S15" s="121">
        <f>IF(G15&gt;O15,O15,G15)</f>
        <v>0</v>
      </c>
      <c r="U15" s="120">
        <f t="shared" si="6"/>
        <v>0</v>
      </c>
      <c r="W15" s="122"/>
    </row>
    <row r="16" spans="2:23" x14ac:dyDescent="0.4">
      <c r="B16" s="113">
        <v>11</v>
      </c>
      <c r="C16" s="118" t="s">
        <v>153</v>
      </c>
      <c r="D16" s="113" t="s">
        <v>141</v>
      </c>
      <c r="E16" s="119"/>
      <c r="F16" s="113" t="s">
        <v>142</v>
      </c>
      <c r="G16" s="119"/>
      <c r="H16" s="114" t="s">
        <v>143</v>
      </c>
      <c r="I16" s="119">
        <v>0</v>
      </c>
      <c r="J16" s="114" t="s">
        <v>7</v>
      </c>
      <c r="K16" s="120">
        <f t="shared" si="7"/>
        <v>0</v>
      </c>
      <c r="M16" s="119"/>
      <c r="N16" s="113" t="s">
        <v>142</v>
      </c>
      <c r="O16" s="119"/>
      <c r="Q16" s="121">
        <f t="shared" si="4"/>
        <v>0</v>
      </c>
      <c r="R16" s="113" t="s">
        <v>142</v>
      </c>
      <c r="S16" s="121">
        <f t="shared" si="5"/>
        <v>0</v>
      </c>
      <c r="U16" s="120">
        <f t="shared" si="6"/>
        <v>0</v>
      </c>
      <c r="W16" s="122"/>
    </row>
    <row r="17" spans="2:23" x14ac:dyDescent="0.4">
      <c r="B17" s="113">
        <v>12</v>
      </c>
      <c r="C17" s="118" t="s">
        <v>154</v>
      </c>
      <c r="D17" s="113" t="s">
        <v>141</v>
      </c>
      <c r="E17" s="119"/>
      <c r="F17" s="113" t="s">
        <v>142</v>
      </c>
      <c r="G17" s="119"/>
      <c r="H17" s="114" t="s">
        <v>143</v>
      </c>
      <c r="I17" s="119">
        <v>0</v>
      </c>
      <c r="J17" s="114" t="s">
        <v>7</v>
      </c>
      <c r="K17" s="120">
        <f t="shared" si="7"/>
        <v>0</v>
      </c>
      <c r="M17" s="119"/>
      <c r="N17" s="113" t="s">
        <v>142</v>
      </c>
      <c r="O17" s="119"/>
      <c r="Q17" s="121">
        <f t="shared" si="4"/>
        <v>0</v>
      </c>
      <c r="R17" s="113" t="s">
        <v>142</v>
      </c>
      <c r="S17" s="121">
        <f t="shared" si="5"/>
        <v>0</v>
      </c>
      <c r="U17" s="120">
        <f t="shared" si="6"/>
        <v>0</v>
      </c>
      <c r="W17" s="122"/>
    </row>
    <row r="18" spans="2:23" x14ac:dyDescent="0.4">
      <c r="B18" s="113">
        <v>13</v>
      </c>
      <c r="C18" s="118" t="s">
        <v>155</v>
      </c>
      <c r="D18" s="113" t="s">
        <v>141</v>
      </c>
      <c r="E18" s="119"/>
      <c r="F18" s="113" t="s">
        <v>142</v>
      </c>
      <c r="G18" s="119"/>
      <c r="H18" s="114" t="s">
        <v>143</v>
      </c>
      <c r="I18" s="119">
        <v>0</v>
      </c>
      <c r="J18" s="114" t="s">
        <v>7</v>
      </c>
      <c r="K18" s="120">
        <f t="shared" si="7"/>
        <v>0</v>
      </c>
      <c r="M18" s="119"/>
      <c r="N18" s="113" t="s">
        <v>142</v>
      </c>
      <c r="O18" s="119"/>
      <c r="Q18" s="121">
        <f t="shared" si="4"/>
        <v>0</v>
      </c>
      <c r="R18" s="113" t="s">
        <v>142</v>
      </c>
      <c r="S18" s="121">
        <f t="shared" si="5"/>
        <v>0</v>
      </c>
      <c r="U18" s="120">
        <f t="shared" si="6"/>
        <v>0</v>
      </c>
      <c r="W18" s="122"/>
    </row>
    <row r="19" spans="2:23" x14ac:dyDescent="0.4">
      <c r="B19" s="113">
        <v>14</v>
      </c>
      <c r="C19" s="118" t="s">
        <v>156</v>
      </c>
      <c r="D19" s="113" t="s">
        <v>141</v>
      </c>
      <c r="E19" s="119"/>
      <c r="F19" s="113" t="s">
        <v>142</v>
      </c>
      <c r="G19" s="119"/>
      <c r="H19" s="114" t="s">
        <v>143</v>
      </c>
      <c r="I19" s="119">
        <v>0</v>
      </c>
      <c r="J19" s="114" t="s">
        <v>7</v>
      </c>
      <c r="K19" s="120">
        <f t="shared" si="7"/>
        <v>0</v>
      </c>
      <c r="M19" s="119"/>
      <c r="N19" s="113" t="s">
        <v>142</v>
      </c>
      <c r="O19" s="119"/>
      <c r="Q19" s="121">
        <f t="shared" si="4"/>
        <v>0</v>
      </c>
      <c r="R19" s="113" t="s">
        <v>142</v>
      </c>
      <c r="S19" s="121">
        <f t="shared" si="5"/>
        <v>0</v>
      </c>
      <c r="U19" s="120">
        <f t="shared" si="6"/>
        <v>0</v>
      </c>
      <c r="W19" s="122"/>
    </row>
    <row r="20" spans="2:23" x14ac:dyDescent="0.4">
      <c r="B20" s="113">
        <v>15</v>
      </c>
      <c r="C20" s="118" t="s">
        <v>157</v>
      </c>
      <c r="D20" s="113" t="s">
        <v>141</v>
      </c>
      <c r="E20" s="119"/>
      <c r="F20" s="113" t="s">
        <v>142</v>
      </c>
      <c r="G20" s="119"/>
      <c r="H20" s="114" t="s">
        <v>143</v>
      </c>
      <c r="I20" s="119">
        <v>0</v>
      </c>
      <c r="J20" s="114" t="s">
        <v>7</v>
      </c>
      <c r="K20" s="123">
        <f t="shared" si="7"/>
        <v>0</v>
      </c>
      <c r="M20" s="119"/>
      <c r="N20" s="113" t="s">
        <v>142</v>
      </c>
      <c r="O20" s="119"/>
      <c r="Q20" s="121">
        <f t="shared" si="4"/>
        <v>0</v>
      </c>
      <c r="R20" s="113" t="s">
        <v>142</v>
      </c>
      <c r="S20" s="121">
        <f t="shared" si="5"/>
        <v>0</v>
      </c>
      <c r="U20" s="120">
        <f t="shared" si="6"/>
        <v>0</v>
      </c>
      <c r="W20" s="122"/>
    </row>
    <row r="21" spans="2:23" x14ac:dyDescent="0.4">
      <c r="B21" s="113">
        <v>16</v>
      </c>
      <c r="C21" s="118" t="s">
        <v>158</v>
      </c>
      <c r="D21" s="113" t="s">
        <v>141</v>
      </c>
      <c r="E21" s="119"/>
      <c r="F21" s="113" t="s">
        <v>142</v>
      </c>
      <c r="G21" s="119"/>
      <c r="H21" s="114" t="s">
        <v>143</v>
      </c>
      <c r="I21" s="119">
        <v>0</v>
      </c>
      <c r="J21" s="114" t="s">
        <v>7</v>
      </c>
      <c r="K21" s="120">
        <f t="shared" si="7"/>
        <v>0</v>
      </c>
      <c r="M21" s="119"/>
      <c r="N21" s="113" t="s">
        <v>142</v>
      </c>
      <c r="O21" s="119"/>
      <c r="Q21" s="121">
        <f t="shared" si="4"/>
        <v>0</v>
      </c>
      <c r="R21" s="113" t="s">
        <v>142</v>
      </c>
      <c r="S21" s="121">
        <f t="shared" si="5"/>
        <v>0</v>
      </c>
      <c r="U21" s="120">
        <f t="shared" si="6"/>
        <v>0</v>
      </c>
      <c r="W21" s="122"/>
    </row>
    <row r="22" spans="2:23" x14ac:dyDescent="0.4">
      <c r="B22" s="113">
        <v>17</v>
      </c>
      <c r="C22" s="118" t="s">
        <v>159</v>
      </c>
      <c r="D22" s="113" t="s">
        <v>141</v>
      </c>
      <c r="E22" s="119"/>
      <c r="F22" s="113" t="s">
        <v>142</v>
      </c>
      <c r="G22" s="119"/>
      <c r="H22" s="114" t="s">
        <v>143</v>
      </c>
      <c r="I22" s="119">
        <v>0</v>
      </c>
      <c r="J22" s="114" t="s">
        <v>7</v>
      </c>
      <c r="K22" s="120">
        <f t="shared" si="7"/>
        <v>0</v>
      </c>
      <c r="M22" s="119"/>
      <c r="N22" s="113" t="s">
        <v>142</v>
      </c>
      <c r="O22" s="119"/>
      <c r="Q22" s="121">
        <f t="shared" si="4"/>
        <v>0</v>
      </c>
      <c r="R22" s="113" t="s">
        <v>142</v>
      </c>
      <c r="S22" s="121">
        <f t="shared" si="5"/>
        <v>0</v>
      </c>
      <c r="U22" s="120">
        <f t="shared" si="6"/>
        <v>0</v>
      </c>
      <c r="W22" s="122"/>
    </row>
    <row r="23" spans="2:23" x14ac:dyDescent="0.4">
      <c r="B23" s="113">
        <v>18</v>
      </c>
      <c r="C23" s="118" t="s">
        <v>160</v>
      </c>
      <c r="D23" s="113" t="s">
        <v>141</v>
      </c>
      <c r="E23" s="119"/>
      <c r="F23" s="113" t="s">
        <v>142</v>
      </c>
      <c r="G23" s="119"/>
      <c r="H23" s="114" t="s">
        <v>143</v>
      </c>
      <c r="I23" s="119">
        <v>0</v>
      </c>
      <c r="J23" s="114" t="s">
        <v>7</v>
      </c>
      <c r="K23" s="120">
        <f t="shared" si="7"/>
        <v>0</v>
      </c>
      <c r="M23" s="119"/>
      <c r="N23" s="113" t="s">
        <v>142</v>
      </c>
      <c r="O23" s="119"/>
      <c r="Q23" s="121">
        <f t="shared" si="4"/>
        <v>0</v>
      </c>
      <c r="R23" s="113" t="s">
        <v>142</v>
      </c>
      <c r="S23" s="121">
        <f t="shared" si="5"/>
        <v>0</v>
      </c>
      <c r="U23" s="120">
        <f t="shared" si="6"/>
        <v>0</v>
      </c>
      <c r="W23" s="122"/>
    </row>
    <row r="24" spans="2:23" x14ac:dyDescent="0.4">
      <c r="B24" s="113">
        <v>19</v>
      </c>
      <c r="C24" s="118" t="s">
        <v>161</v>
      </c>
      <c r="D24" s="113" t="s">
        <v>141</v>
      </c>
      <c r="E24" s="119"/>
      <c r="F24" s="113" t="s">
        <v>142</v>
      </c>
      <c r="G24" s="119"/>
      <c r="H24" s="114" t="s">
        <v>143</v>
      </c>
      <c r="I24" s="119">
        <v>0</v>
      </c>
      <c r="J24" s="114" t="s">
        <v>7</v>
      </c>
      <c r="K24" s="120">
        <f t="shared" si="7"/>
        <v>0</v>
      </c>
      <c r="M24" s="119"/>
      <c r="N24" s="113" t="s">
        <v>142</v>
      </c>
      <c r="O24" s="119"/>
      <c r="Q24" s="121">
        <f t="shared" si="4"/>
        <v>0</v>
      </c>
      <c r="R24" s="113" t="s">
        <v>142</v>
      </c>
      <c r="S24" s="121">
        <f t="shared" si="5"/>
        <v>0</v>
      </c>
      <c r="U24" s="120">
        <f t="shared" si="6"/>
        <v>0</v>
      </c>
      <c r="W24" s="122"/>
    </row>
    <row r="25" spans="2:23" x14ac:dyDescent="0.4">
      <c r="B25" s="113">
        <v>20</v>
      </c>
      <c r="C25" s="118" t="s">
        <v>162</v>
      </c>
      <c r="D25" s="113" t="s">
        <v>141</v>
      </c>
      <c r="E25" s="119"/>
      <c r="F25" s="113" t="s">
        <v>142</v>
      </c>
      <c r="G25" s="119"/>
      <c r="H25" s="114" t="s">
        <v>143</v>
      </c>
      <c r="I25" s="119">
        <v>0</v>
      </c>
      <c r="J25" s="114" t="s">
        <v>7</v>
      </c>
      <c r="K25" s="120">
        <f t="shared" si="7"/>
        <v>0</v>
      </c>
      <c r="M25" s="119"/>
      <c r="N25" s="113" t="s">
        <v>142</v>
      </c>
      <c r="O25" s="119"/>
      <c r="Q25" s="121">
        <f t="shared" si="4"/>
        <v>0</v>
      </c>
      <c r="R25" s="113" t="s">
        <v>142</v>
      </c>
      <c r="S25" s="121">
        <f t="shared" si="5"/>
        <v>0</v>
      </c>
      <c r="U25" s="120">
        <f t="shared" si="6"/>
        <v>0</v>
      </c>
      <c r="W25" s="122"/>
    </row>
    <row r="26" spans="2:23" x14ac:dyDescent="0.4">
      <c r="B26" s="113">
        <v>21</v>
      </c>
      <c r="C26" s="118" t="s">
        <v>163</v>
      </c>
      <c r="D26" s="113" t="s">
        <v>141</v>
      </c>
      <c r="E26" s="124"/>
      <c r="F26" s="113" t="s">
        <v>142</v>
      </c>
      <c r="G26" s="124"/>
      <c r="H26" s="114" t="s">
        <v>143</v>
      </c>
      <c r="I26" s="124"/>
      <c r="J26" s="114" t="s">
        <v>7</v>
      </c>
      <c r="K26" s="118">
        <v>1</v>
      </c>
      <c r="M26" s="120"/>
      <c r="N26" s="113" t="s">
        <v>142</v>
      </c>
      <c r="O26" s="120"/>
      <c r="Q26" s="120"/>
      <c r="R26" s="113" t="s">
        <v>142</v>
      </c>
      <c r="S26" s="120"/>
      <c r="U26" s="118">
        <v>1</v>
      </c>
      <c r="W26" s="122"/>
    </row>
    <row r="27" spans="2:23" x14ac:dyDescent="0.4">
      <c r="B27" s="113">
        <v>22</v>
      </c>
      <c r="C27" s="118" t="s">
        <v>164</v>
      </c>
      <c r="D27" s="113" t="s">
        <v>141</v>
      </c>
      <c r="E27" s="124"/>
      <c r="F27" s="113" t="s">
        <v>142</v>
      </c>
      <c r="G27" s="124"/>
      <c r="H27" s="114" t="s">
        <v>143</v>
      </c>
      <c r="I27" s="124"/>
      <c r="J27" s="114" t="s">
        <v>7</v>
      </c>
      <c r="K27" s="118">
        <v>2</v>
      </c>
      <c r="M27" s="120"/>
      <c r="N27" s="113" t="s">
        <v>142</v>
      </c>
      <c r="O27" s="120"/>
      <c r="Q27" s="120"/>
      <c r="R27" s="113" t="s">
        <v>142</v>
      </c>
      <c r="S27" s="120"/>
      <c r="U27" s="118">
        <v>2</v>
      </c>
      <c r="W27" s="122"/>
    </row>
    <row r="28" spans="2:23" x14ac:dyDescent="0.4">
      <c r="B28" s="113">
        <v>23</v>
      </c>
      <c r="C28" s="118" t="s">
        <v>165</v>
      </c>
      <c r="D28" s="113" t="s">
        <v>141</v>
      </c>
      <c r="E28" s="124"/>
      <c r="F28" s="113" t="s">
        <v>142</v>
      </c>
      <c r="G28" s="124"/>
      <c r="H28" s="114" t="s">
        <v>143</v>
      </c>
      <c r="I28" s="124"/>
      <c r="J28" s="114" t="s">
        <v>7</v>
      </c>
      <c r="K28" s="118">
        <v>3</v>
      </c>
      <c r="M28" s="120"/>
      <c r="N28" s="113" t="s">
        <v>142</v>
      </c>
      <c r="O28" s="120"/>
      <c r="Q28" s="120"/>
      <c r="R28" s="113" t="s">
        <v>142</v>
      </c>
      <c r="S28" s="120"/>
      <c r="U28" s="118">
        <v>3</v>
      </c>
      <c r="W28" s="122"/>
    </row>
    <row r="29" spans="2:23" x14ac:dyDescent="0.4">
      <c r="B29" s="113">
        <v>24</v>
      </c>
      <c r="C29" s="118" t="s">
        <v>166</v>
      </c>
      <c r="D29" s="113" t="s">
        <v>141</v>
      </c>
      <c r="E29" s="124"/>
      <c r="F29" s="113" t="s">
        <v>142</v>
      </c>
      <c r="G29" s="124"/>
      <c r="H29" s="114" t="s">
        <v>143</v>
      </c>
      <c r="I29" s="124"/>
      <c r="J29" s="114" t="s">
        <v>7</v>
      </c>
      <c r="K29" s="118">
        <v>4</v>
      </c>
      <c r="M29" s="120"/>
      <c r="N29" s="113" t="s">
        <v>142</v>
      </c>
      <c r="O29" s="120"/>
      <c r="Q29" s="120"/>
      <c r="R29" s="113" t="s">
        <v>142</v>
      </c>
      <c r="S29" s="120"/>
      <c r="U29" s="118">
        <v>4</v>
      </c>
      <c r="W29" s="122"/>
    </row>
    <row r="30" spans="2:23" x14ac:dyDescent="0.4">
      <c r="B30" s="113">
        <v>25</v>
      </c>
      <c r="C30" s="118" t="s">
        <v>167</v>
      </c>
      <c r="D30" s="113" t="s">
        <v>141</v>
      </c>
      <c r="E30" s="124"/>
      <c r="F30" s="113" t="s">
        <v>142</v>
      </c>
      <c r="G30" s="124"/>
      <c r="H30" s="114" t="s">
        <v>143</v>
      </c>
      <c r="I30" s="124"/>
      <c r="J30" s="114" t="s">
        <v>7</v>
      </c>
      <c r="K30" s="118">
        <v>4</v>
      </c>
      <c r="M30" s="120"/>
      <c r="N30" s="113" t="s">
        <v>142</v>
      </c>
      <c r="O30" s="120"/>
      <c r="Q30" s="120"/>
      <c r="R30" s="113" t="s">
        <v>142</v>
      </c>
      <c r="S30" s="120"/>
      <c r="U30" s="118">
        <v>3</v>
      </c>
      <c r="W30" s="122"/>
    </row>
    <row r="31" spans="2:23" x14ac:dyDescent="0.4">
      <c r="B31" s="113">
        <v>26</v>
      </c>
      <c r="C31" s="118" t="s">
        <v>168</v>
      </c>
      <c r="D31" s="113" t="s">
        <v>141</v>
      </c>
      <c r="E31" s="124"/>
      <c r="F31" s="113" t="s">
        <v>142</v>
      </c>
      <c r="G31" s="124"/>
      <c r="H31" s="114" t="s">
        <v>143</v>
      </c>
      <c r="I31" s="124"/>
      <c r="J31" s="114" t="s">
        <v>7</v>
      </c>
      <c r="K31" s="118">
        <v>5</v>
      </c>
      <c r="M31" s="120"/>
      <c r="N31" s="113" t="s">
        <v>142</v>
      </c>
      <c r="O31" s="120"/>
      <c r="Q31" s="120"/>
      <c r="R31" s="113" t="s">
        <v>142</v>
      </c>
      <c r="S31" s="120"/>
      <c r="U31" s="118">
        <v>5</v>
      </c>
      <c r="W31" s="122"/>
    </row>
    <row r="32" spans="2:23" x14ac:dyDescent="0.4">
      <c r="B32" s="113">
        <v>27</v>
      </c>
      <c r="C32" s="118" t="s">
        <v>169</v>
      </c>
      <c r="D32" s="113" t="s">
        <v>141</v>
      </c>
      <c r="E32" s="124"/>
      <c r="F32" s="113" t="s">
        <v>142</v>
      </c>
      <c r="G32" s="124"/>
      <c r="H32" s="114" t="s">
        <v>143</v>
      </c>
      <c r="I32" s="124"/>
      <c r="J32" s="114" t="s">
        <v>7</v>
      </c>
      <c r="K32" s="118">
        <v>0</v>
      </c>
      <c r="M32" s="120"/>
      <c r="N32" s="113" t="s">
        <v>142</v>
      </c>
      <c r="O32" s="120"/>
      <c r="Q32" s="120"/>
      <c r="R32" s="113" t="s">
        <v>142</v>
      </c>
      <c r="S32" s="120"/>
      <c r="U32" s="118">
        <v>0</v>
      </c>
      <c r="W32" s="122" t="s">
        <v>170</v>
      </c>
    </row>
    <row r="33" spans="2:23" x14ac:dyDescent="0.4">
      <c r="B33" s="113">
        <v>28</v>
      </c>
      <c r="C33" s="118" t="s">
        <v>57</v>
      </c>
      <c r="D33" s="113" t="s">
        <v>141</v>
      </c>
      <c r="E33" s="124"/>
      <c r="F33" s="113" t="s">
        <v>142</v>
      </c>
      <c r="G33" s="124"/>
      <c r="H33" s="114" t="s">
        <v>143</v>
      </c>
      <c r="I33" s="124"/>
      <c r="J33" s="114" t="s">
        <v>7</v>
      </c>
      <c r="K33" s="118"/>
      <c r="M33" s="120"/>
      <c r="N33" s="113" t="s">
        <v>142</v>
      </c>
      <c r="O33" s="120"/>
      <c r="Q33" s="120"/>
      <c r="R33" s="113" t="s">
        <v>142</v>
      </c>
      <c r="S33" s="120"/>
      <c r="U33" s="118"/>
      <c r="W33" s="122"/>
    </row>
    <row r="34" spans="2:23" x14ac:dyDescent="0.4">
      <c r="B34" s="113">
        <v>29</v>
      </c>
      <c r="C34" s="118" t="s">
        <v>57</v>
      </c>
      <c r="D34" s="113" t="s">
        <v>141</v>
      </c>
      <c r="E34" s="124"/>
      <c r="F34" s="113" t="s">
        <v>142</v>
      </c>
      <c r="G34" s="124"/>
      <c r="H34" s="114" t="s">
        <v>143</v>
      </c>
      <c r="I34" s="124"/>
      <c r="J34" s="114" t="s">
        <v>7</v>
      </c>
      <c r="K34" s="118"/>
      <c r="M34" s="120"/>
      <c r="N34" s="113" t="s">
        <v>142</v>
      </c>
      <c r="O34" s="120"/>
      <c r="Q34" s="120"/>
      <c r="R34" s="113" t="s">
        <v>142</v>
      </c>
      <c r="S34" s="120"/>
      <c r="U34" s="118"/>
      <c r="W34" s="122"/>
    </row>
    <row r="35" spans="2:23" x14ac:dyDescent="0.4">
      <c r="B35" s="113">
        <v>30</v>
      </c>
      <c r="C35" s="118" t="s">
        <v>57</v>
      </c>
      <c r="D35" s="113" t="s">
        <v>141</v>
      </c>
      <c r="E35" s="124"/>
      <c r="F35" s="113" t="s">
        <v>142</v>
      </c>
      <c r="G35" s="124"/>
      <c r="H35" s="114" t="s">
        <v>143</v>
      </c>
      <c r="I35" s="124"/>
      <c r="J35" s="114" t="s">
        <v>7</v>
      </c>
      <c r="K35" s="118"/>
      <c r="M35" s="120"/>
      <c r="N35" s="113" t="s">
        <v>142</v>
      </c>
      <c r="O35" s="120"/>
      <c r="Q35" s="120"/>
      <c r="R35" s="113" t="s">
        <v>142</v>
      </c>
      <c r="S35" s="120"/>
      <c r="U35" s="118"/>
      <c r="W35" s="122"/>
    </row>
    <row r="36" spans="2:23" x14ac:dyDescent="0.4">
      <c r="C36" s="125"/>
    </row>
    <row r="37" spans="2:23" x14ac:dyDescent="0.4">
      <c r="C37" s="114" t="s">
        <v>171</v>
      </c>
    </row>
    <row r="38" spans="2:23" x14ac:dyDescent="0.4">
      <c r="C38" s="114" t="s">
        <v>172</v>
      </c>
    </row>
    <row r="39" spans="2:23" x14ac:dyDescent="0.4">
      <c r="C39" s="114" t="s">
        <v>173</v>
      </c>
    </row>
    <row r="40" spans="2:23" x14ac:dyDescent="0.4">
      <c r="C40" s="114" t="s">
        <v>174</v>
      </c>
    </row>
    <row r="41" spans="2:23" x14ac:dyDescent="0.4">
      <c r="C41" s="115" t="s">
        <v>175</v>
      </c>
    </row>
    <row r="42" spans="2:23" x14ac:dyDescent="0.4">
      <c r="C42" s="115" t="s">
        <v>176</v>
      </c>
    </row>
  </sheetData>
  <sheetProtection insertRows="0" deleteRows="0"/>
  <mergeCells count="4">
    <mergeCell ref="E4:K4"/>
    <mergeCell ref="M4:O4"/>
    <mergeCell ref="Q4:U4"/>
    <mergeCell ref="W4:W5"/>
  </mergeCells>
  <phoneticPr fontId="3"/>
  <pageMargins left="0.15748031496062992" right="0.15748031496062992" top="0.55118110236220474" bottom="0.35433070866141736" header="0.31496062992125984" footer="0.31496062992125984"/>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63318B-1BAF-4E2E-9116-3CD97DB7CF4D}">
  <sheetPr>
    <pageSetUpPr fitToPage="1"/>
  </sheetPr>
  <dimension ref="B1:M19"/>
  <sheetViews>
    <sheetView showGridLines="0" zoomScaleNormal="100" workbookViewId="0">
      <selection activeCell="Z18" sqref="Z18:AA18"/>
    </sheetView>
  </sheetViews>
  <sheetFormatPr defaultColWidth="8.125" defaultRowHeight="13.5" x14ac:dyDescent="0.4"/>
  <cols>
    <col min="1" max="2" width="8.125" style="236"/>
    <col min="3" max="3" width="11.75" style="236" customWidth="1"/>
    <col min="4" max="4" width="14.125" style="236" customWidth="1"/>
    <col min="5" max="8" width="9.625" style="236" customWidth="1"/>
    <col min="9" max="9" width="8.125" style="236"/>
    <col min="10" max="12" width="5.125" style="236" customWidth="1"/>
    <col min="13" max="16384" width="8.125" style="236"/>
  </cols>
  <sheetData>
    <row r="1" spans="2:13" x14ac:dyDescent="0.4">
      <c r="B1" s="236" t="s">
        <v>233</v>
      </c>
    </row>
    <row r="2" spans="2:13" x14ac:dyDescent="0.4">
      <c r="B2" s="236" t="s">
        <v>234</v>
      </c>
    </row>
    <row r="3" spans="2:13" ht="25.5" customHeight="1" x14ac:dyDescent="0.4">
      <c r="B3" s="649" t="s">
        <v>235</v>
      </c>
      <c r="C3" s="650"/>
      <c r="D3" s="651"/>
      <c r="E3" s="652"/>
      <c r="F3" s="652"/>
      <c r="G3" s="652"/>
      <c r="H3" s="652"/>
    </row>
    <row r="4" spans="2:13" ht="14.25" thickBot="1" x14ac:dyDescent="0.45"/>
    <row r="5" spans="2:13" ht="28.5" customHeight="1" x14ac:dyDescent="0.4">
      <c r="B5" s="237"/>
      <c r="C5" s="238"/>
      <c r="D5" s="238"/>
      <c r="E5" s="238"/>
      <c r="F5" s="238"/>
      <c r="G5" s="238"/>
      <c r="H5" s="238"/>
      <c r="I5" s="238"/>
      <c r="J5" s="238"/>
      <c r="K5" s="238"/>
      <c r="L5" s="238"/>
      <c r="M5" s="239"/>
    </row>
    <row r="6" spans="2:13" ht="22.5" customHeight="1" x14ac:dyDescent="0.4">
      <c r="B6" s="240"/>
      <c r="C6" s="241"/>
      <c r="D6" s="242"/>
      <c r="E6" s="241"/>
      <c r="F6" s="243"/>
      <c r="G6" s="653"/>
      <c r="H6" s="654"/>
      <c r="I6" s="652" t="s">
        <v>236</v>
      </c>
      <c r="J6" s="652"/>
      <c r="K6" s="652"/>
      <c r="L6" s="652"/>
      <c r="M6" s="244"/>
    </row>
    <row r="7" spans="2:13" ht="22.5" customHeight="1" x14ac:dyDescent="0.4">
      <c r="B7" s="240"/>
      <c r="C7" s="245"/>
      <c r="D7" s="246" t="s">
        <v>237</v>
      </c>
      <c r="E7" s="247" t="s">
        <v>238</v>
      </c>
      <c r="F7" s="248" t="s">
        <v>239</v>
      </c>
      <c r="G7" s="647" t="s">
        <v>240</v>
      </c>
      <c r="H7" s="648"/>
      <c r="L7" s="249"/>
      <c r="M7" s="244"/>
    </row>
    <row r="8" spans="2:13" ht="22.5" customHeight="1" x14ac:dyDescent="0.4">
      <c r="B8" s="240"/>
      <c r="C8" s="245"/>
      <c r="D8" s="246" t="s">
        <v>241</v>
      </c>
      <c r="E8" s="247" t="s">
        <v>242</v>
      </c>
      <c r="F8" s="248" t="s">
        <v>242</v>
      </c>
      <c r="G8" s="647" t="s">
        <v>243</v>
      </c>
      <c r="H8" s="648"/>
      <c r="L8" s="250"/>
      <c r="M8" s="244"/>
    </row>
    <row r="9" spans="2:13" ht="22.5" customHeight="1" x14ac:dyDescent="0.4">
      <c r="B9" s="240"/>
      <c r="C9" s="245"/>
      <c r="D9" s="251"/>
      <c r="E9" s="252"/>
      <c r="F9" s="253"/>
      <c r="G9" s="655"/>
      <c r="H9" s="656"/>
      <c r="K9" s="236" t="s">
        <v>244</v>
      </c>
      <c r="M9" s="244"/>
    </row>
    <row r="10" spans="2:13" ht="22.5" customHeight="1" x14ac:dyDescent="0.4">
      <c r="B10" s="240"/>
      <c r="C10" s="254"/>
      <c r="D10" s="250"/>
      <c r="L10" s="250"/>
      <c r="M10" s="244"/>
    </row>
    <row r="11" spans="2:13" ht="22.5" customHeight="1" x14ac:dyDescent="0.4">
      <c r="B11" s="240"/>
      <c r="C11" s="254" t="s">
        <v>245</v>
      </c>
      <c r="D11" s="250"/>
      <c r="L11" s="255"/>
      <c r="M11" s="244"/>
    </row>
    <row r="12" spans="2:13" ht="22.5" customHeight="1" x14ac:dyDescent="0.4">
      <c r="B12" s="240"/>
      <c r="C12" s="254" t="s">
        <v>246</v>
      </c>
      <c r="D12" s="250"/>
      <c r="E12" s="241"/>
      <c r="F12" s="243"/>
      <c r="G12" s="243"/>
      <c r="H12" s="249"/>
      <c r="J12" s="653"/>
      <c r="K12" s="657"/>
      <c r="L12" s="654"/>
      <c r="M12" s="244"/>
    </row>
    <row r="13" spans="2:13" ht="22.5" customHeight="1" x14ac:dyDescent="0.4">
      <c r="B13" s="240"/>
      <c r="C13" s="254"/>
      <c r="D13" s="250"/>
      <c r="E13" s="247" t="s">
        <v>247</v>
      </c>
      <c r="G13" s="236" t="s">
        <v>248</v>
      </c>
      <c r="H13" s="250"/>
      <c r="J13" s="658" t="s">
        <v>249</v>
      </c>
      <c r="K13" s="659"/>
      <c r="L13" s="648"/>
      <c r="M13" s="244"/>
    </row>
    <row r="14" spans="2:13" ht="22.5" customHeight="1" x14ac:dyDescent="0.4">
      <c r="B14" s="240"/>
      <c r="C14" s="254"/>
      <c r="D14" s="250"/>
      <c r="E14" s="247" t="s">
        <v>242</v>
      </c>
      <c r="H14" s="250"/>
      <c r="J14" s="658"/>
      <c r="K14" s="659"/>
      <c r="L14" s="648"/>
      <c r="M14" s="244"/>
    </row>
    <row r="15" spans="2:13" ht="22.5" customHeight="1" x14ac:dyDescent="0.4">
      <c r="B15" s="240"/>
      <c r="C15" s="251"/>
      <c r="D15" s="255"/>
      <c r="E15" s="252"/>
      <c r="F15" s="253"/>
      <c r="G15" s="253"/>
      <c r="H15" s="255"/>
      <c r="I15" s="252"/>
      <c r="J15" s="655"/>
      <c r="K15" s="660"/>
      <c r="L15" s="656"/>
      <c r="M15" s="244"/>
    </row>
    <row r="16" spans="2:13" ht="71.25" customHeight="1" thickBot="1" x14ac:dyDescent="0.45">
      <c r="B16" s="256"/>
      <c r="C16" s="257"/>
      <c r="D16" s="257"/>
      <c r="E16" s="257"/>
      <c r="F16" s="257"/>
      <c r="G16" s="257"/>
      <c r="H16" s="257"/>
      <c r="I16" s="257"/>
      <c r="J16" s="257"/>
      <c r="K16" s="257"/>
      <c r="L16" s="257"/>
      <c r="M16" s="258"/>
    </row>
    <row r="17" spans="2:3" ht="22.5" customHeight="1" x14ac:dyDescent="0.4">
      <c r="B17" s="259" t="s">
        <v>250</v>
      </c>
      <c r="C17" s="236" t="s">
        <v>251</v>
      </c>
    </row>
    <row r="18" spans="2:3" ht="22.5" customHeight="1" x14ac:dyDescent="0.4">
      <c r="B18" s="236">
        <v>2</v>
      </c>
      <c r="C18" s="236" t="s">
        <v>252</v>
      </c>
    </row>
    <row r="19" spans="2:3" ht="22.5" customHeight="1" x14ac:dyDescent="0.4">
      <c r="B19" s="236">
        <v>3</v>
      </c>
      <c r="C19" s="236" t="s">
        <v>253</v>
      </c>
    </row>
  </sheetData>
  <mergeCells count="11">
    <mergeCell ref="G9:H9"/>
    <mergeCell ref="J12:L12"/>
    <mergeCell ref="J13:L13"/>
    <mergeCell ref="J14:L14"/>
    <mergeCell ref="J15:L15"/>
    <mergeCell ref="G8:H8"/>
    <mergeCell ref="B3:D3"/>
    <mergeCell ref="E3:H3"/>
    <mergeCell ref="G6:H6"/>
    <mergeCell ref="I6:L6"/>
    <mergeCell ref="G7:H7"/>
  </mergeCells>
  <phoneticPr fontId="3"/>
  <printOptions verticalCentered="1"/>
  <pageMargins left="0.70866141732283472" right="0.70866141732283472" top="0.74803149606299213" bottom="0.74803149606299213" header="0.31496062992125984" footer="0.31496062992125984"/>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2A8770-2554-4C30-8BCC-356454338260}">
  <sheetPr>
    <pageSetUpPr fitToPage="1"/>
  </sheetPr>
  <dimension ref="A1:T23"/>
  <sheetViews>
    <sheetView zoomScaleNormal="100" workbookViewId="0">
      <selection activeCell="Z18" sqref="Z18:AA18"/>
    </sheetView>
  </sheetViews>
  <sheetFormatPr defaultColWidth="7.875" defaultRowHeight="12" x14ac:dyDescent="0.4"/>
  <cols>
    <col min="1" max="20" width="5.25" style="260" customWidth="1"/>
    <col min="21" max="16384" width="7.875" style="260"/>
  </cols>
  <sheetData>
    <row r="1" spans="1:20" ht="17.649999999999999" customHeight="1" x14ac:dyDescent="0.4">
      <c r="A1" s="661" t="s">
        <v>254</v>
      </c>
      <c r="B1" s="661"/>
      <c r="C1" s="661"/>
      <c r="D1" s="661"/>
      <c r="E1" s="661"/>
      <c r="F1" s="661"/>
      <c r="G1" s="661"/>
      <c r="H1" s="661"/>
      <c r="I1" s="661"/>
      <c r="J1" s="661"/>
      <c r="K1" s="661"/>
      <c r="L1" s="661"/>
      <c r="M1" s="661"/>
      <c r="N1" s="661"/>
      <c r="O1" s="661"/>
      <c r="P1" s="661"/>
      <c r="Q1" s="661"/>
      <c r="R1" s="661"/>
      <c r="S1" s="661"/>
      <c r="T1" s="661"/>
    </row>
    <row r="2" spans="1:20" ht="19.149999999999999" customHeight="1" x14ac:dyDescent="0.4">
      <c r="A2" s="662" t="s">
        <v>255</v>
      </c>
      <c r="B2" s="662"/>
      <c r="C2" s="662"/>
      <c r="D2" s="662"/>
      <c r="E2" s="662"/>
      <c r="F2" s="662"/>
      <c r="G2" s="662"/>
      <c r="H2" s="662"/>
      <c r="I2" s="662"/>
      <c r="J2" s="662"/>
      <c r="K2" s="662"/>
      <c r="L2" s="662"/>
      <c r="M2" s="662"/>
      <c r="N2" s="662"/>
      <c r="O2" s="662"/>
      <c r="P2" s="662"/>
      <c r="Q2" s="662"/>
      <c r="R2" s="662"/>
      <c r="S2" s="662"/>
      <c r="T2" s="662"/>
    </row>
    <row r="3" spans="1:20" ht="16.899999999999999" customHeight="1" x14ac:dyDescent="0.4">
      <c r="A3" s="261"/>
      <c r="B3" s="261"/>
      <c r="C3" s="261"/>
      <c r="D3" s="261"/>
      <c r="E3" s="261"/>
      <c r="F3" s="261"/>
      <c r="G3" s="261"/>
      <c r="H3" s="261"/>
      <c r="I3" s="261"/>
      <c r="J3" s="262" t="s">
        <v>256</v>
      </c>
      <c r="K3" s="663"/>
      <c r="L3" s="663"/>
      <c r="M3" s="663"/>
      <c r="N3" s="663"/>
      <c r="O3" s="663"/>
      <c r="P3" s="663"/>
      <c r="Q3" s="663"/>
      <c r="R3" s="663"/>
      <c r="S3" s="663"/>
      <c r="T3" s="261" t="s">
        <v>257</v>
      </c>
    </row>
    <row r="4" spans="1:20" ht="16.899999999999999" customHeight="1" x14ac:dyDescent="0.4">
      <c r="A4" s="261"/>
      <c r="B4" s="261"/>
      <c r="C4" s="261"/>
      <c r="D4" s="261"/>
      <c r="E4" s="261"/>
      <c r="F4" s="261"/>
      <c r="G4" s="261"/>
      <c r="H4" s="261"/>
      <c r="I4" s="261"/>
      <c r="J4" s="262" t="s">
        <v>258</v>
      </c>
      <c r="K4" s="663"/>
      <c r="L4" s="663"/>
      <c r="M4" s="663"/>
      <c r="N4" s="663"/>
      <c r="O4" s="663"/>
      <c r="P4" s="663"/>
      <c r="Q4" s="663"/>
      <c r="R4" s="663"/>
      <c r="S4" s="663"/>
      <c r="T4" s="261" t="s">
        <v>257</v>
      </c>
    </row>
    <row r="5" spans="1:20" ht="16.899999999999999" customHeight="1" thickBot="1" x14ac:dyDescent="0.45">
      <c r="A5" s="261"/>
      <c r="B5" s="261"/>
      <c r="C5" s="261"/>
      <c r="D5" s="261"/>
      <c r="E5" s="261"/>
      <c r="F5" s="261"/>
      <c r="G5" s="261"/>
      <c r="H5" s="261"/>
      <c r="I5" s="261"/>
      <c r="J5" s="261"/>
      <c r="K5" s="261"/>
      <c r="L5" s="261"/>
      <c r="M5" s="261"/>
      <c r="N5" s="261"/>
      <c r="O5" s="261"/>
      <c r="P5" s="261"/>
      <c r="Q5" s="261"/>
      <c r="R5" s="261"/>
      <c r="S5" s="261"/>
      <c r="T5" s="261"/>
    </row>
    <row r="6" spans="1:20" ht="33.75" customHeight="1" x14ac:dyDescent="0.4">
      <c r="A6" s="664" t="s">
        <v>259</v>
      </c>
      <c r="B6" s="665"/>
      <c r="C6" s="666" t="s">
        <v>260</v>
      </c>
      <c r="D6" s="666"/>
      <c r="E6" s="666"/>
      <c r="F6" s="666"/>
      <c r="G6" s="666"/>
      <c r="H6" s="666"/>
      <c r="I6" s="666" t="s">
        <v>261</v>
      </c>
      <c r="J6" s="666"/>
      <c r="K6" s="666"/>
      <c r="L6" s="666"/>
      <c r="M6" s="666"/>
      <c r="N6" s="666"/>
      <c r="O6" s="666"/>
      <c r="P6" s="666"/>
      <c r="Q6" s="666"/>
      <c r="R6" s="666"/>
      <c r="S6" s="666"/>
      <c r="T6" s="667"/>
    </row>
    <row r="7" spans="1:20" s="261" customFormat="1" ht="24.75" customHeight="1" x14ac:dyDescent="0.4">
      <c r="A7" s="668"/>
      <c r="B7" s="669"/>
      <c r="C7" s="670" t="s">
        <v>262</v>
      </c>
      <c r="D7" s="671"/>
      <c r="E7" s="671"/>
      <c r="F7" s="671"/>
      <c r="G7" s="671"/>
      <c r="H7" s="672"/>
      <c r="I7" s="670"/>
      <c r="J7" s="671"/>
      <c r="K7" s="671"/>
      <c r="L7" s="671"/>
      <c r="M7" s="671"/>
      <c r="N7" s="671"/>
      <c r="O7" s="671"/>
      <c r="P7" s="671"/>
      <c r="Q7" s="671"/>
      <c r="R7" s="671"/>
      <c r="S7" s="671"/>
      <c r="T7" s="673"/>
    </row>
    <row r="8" spans="1:20" s="261" customFormat="1" ht="24.75" customHeight="1" x14ac:dyDescent="0.4">
      <c r="A8" s="668"/>
      <c r="B8" s="669"/>
      <c r="C8" s="670"/>
      <c r="D8" s="671"/>
      <c r="E8" s="671"/>
      <c r="F8" s="671"/>
      <c r="G8" s="671"/>
      <c r="H8" s="672"/>
      <c r="I8" s="670"/>
      <c r="J8" s="671"/>
      <c r="K8" s="671"/>
      <c r="L8" s="671"/>
      <c r="M8" s="671"/>
      <c r="N8" s="671"/>
      <c r="O8" s="671"/>
      <c r="P8" s="671"/>
      <c r="Q8" s="671"/>
      <c r="R8" s="671"/>
      <c r="S8" s="671"/>
      <c r="T8" s="673"/>
    </row>
    <row r="9" spans="1:20" s="261" customFormat="1" ht="24.75" customHeight="1" x14ac:dyDescent="0.4">
      <c r="A9" s="668"/>
      <c r="B9" s="669"/>
      <c r="C9" s="670"/>
      <c r="D9" s="671"/>
      <c r="E9" s="671"/>
      <c r="F9" s="671"/>
      <c r="G9" s="671"/>
      <c r="H9" s="672"/>
      <c r="I9" s="670"/>
      <c r="J9" s="671"/>
      <c r="K9" s="671"/>
      <c r="L9" s="671"/>
      <c r="M9" s="671"/>
      <c r="N9" s="671"/>
      <c r="O9" s="671"/>
      <c r="P9" s="671"/>
      <c r="Q9" s="671"/>
      <c r="R9" s="671"/>
      <c r="S9" s="671"/>
      <c r="T9" s="673"/>
    </row>
    <row r="10" spans="1:20" s="261" customFormat="1" ht="24.75" customHeight="1" x14ac:dyDescent="0.4">
      <c r="A10" s="668"/>
      <c r="B10" s="669"/>
      <c r="C10" s="670"/>
      <c r="D10" s="671"/>
      <c r="E10" s="671"/>
      <c r="F10" s="671"/>
      <c r="G10" s="671"/>
      <c r="H10" s="672"/>
      <c r="I10" s="670"/>
      <c r="J10" s="671"/>
      <c r="K10" s="671"/>
      <c r="L10" s="671"/>
      <c r="M10" s="671"/>
      <c r="N10" s="671"/>
      <c r="O10" s="671"/>
      <c r="P10" s="671"/>
      <c r="Q10" s="671"/>
      <c r="R10" s="671"/>
      <c r="S10" s="671"/>
      <c r="T10" s="673"/>
    </row>
    <row r="11" spans="1:20" s="261" customFormat="1" ht="24.75" customHeight="1" x14ac:dyDescent="0.4">
      <c r="A11" s="668"/>
      <c r="B11" s="669"/>
      <c r="C11" s="670"/>
      <c r="D11" s="671"/>
      <c r="E11" s="671"/>
      <c r="F11" s="671"/>
      <c r="G11" s="671"/>
      <c r="H11" s="672"/>
      <c r="I11" s="670"/>
      <c r="J11" s="671"/>
      <c r="K11" s="671"/>
      <c r="L11" s="671"/>
      <c r="M11" s="671"/>
      <c r="N11" s="671"/>
      <c r="O11" s="671"/>
      <c r="P11" s="671"/>
      <c r="Q11" s="671"/>
      <c r="R11" s="671"/>
      <c r="S11" s="671"/>
      <c r="T11" s="673"/>
    </row>
    <row r="12" spans="1:20" s="261" customFormat="1" ht="24.75" customHeight="1" x14ac:dyDescent="0.4">
      <c r="A12" s="668"/>
      <c r="B12" s="669"/>
      <c r="C12" s="670"/>
      <c r="D12" s="671"/>
      <c r="E12" s="671"/>
      <c r="F12" s="671"/>
      <c r="G12" s="671"/>
      <c r="H12" s="672"/>
      <c r="I12" s="670"/>
      <c r="J12" s="671"/>
      <c r="K12" s="671"/>
      <c r="L12" s="671"/>
      <c r="M12" s="671"/>
      <c r="N12" s="671"/>
      <c r="O12" s="671"/>
      <c r="P12" s="671"/>
      <c r="Q12" s="671"/>
      <c r="R12" s="671"/>
      <c r="S12" s="671"/>
      <c r="T12" s="673"/>
    </row>
    <row r="13" spans="1:20" s="261" customFormat="1" ht="24.75" customHeight="1" x14ac:dyDescent="0.4">
      <c r="A13" s="668"/>
      <c r="B13" s="669"/>
      <c r="C13" s="670"/>
      <c r="D13" s="671"/>
      <c r="E13" s="671"/>
      <c r="F13" s="671"/>
      <c r="G13" s="671"/>
      <c r="H13" s="672"/>
      <c r="I13" s="670"/>
      <c r="J13" s="671"/>
      <c r="K13" s="671"/>
      <c r="L13" s="671"/>
      <c r="M13" s="671"/>
      <c r="N13" s="671"/>
      <c r="O13" s="671"/>
      <c r="P13" s="671"/>
      <c r="Q13" s="671"/>
      <c r="R13" s="671"/>
      <c r="S13" s="671"/>
      <c r="T13" s="673"/>
    </row>
    <row r="14" spans="1:20" s="261" customFormat="1" ht="24.75" customHeight="1" x14ac:dyDescent="0.4">
      <c r="A14" s="668"/>
      <c r="B14" s="669"/>
      <c r="C14" s="670"/>
      <c r="D14" s="671"/>
      <c r="E14" s="671"/>
      <c r="F14" s="671"/>
      <c r="G14" s="671"/>
      <c r="H14" s="672"/>
      <c r="I14" s="670"/>
      <c r="J14" s="671"/>
      <c r="K14" s="671"/>
      <c r="L14" s="671"/>
      <c r="M14" s="671"/>
      <c r="N14" s="671"/>
      <c r="O14" s="671"/>
      <c r="P14" s="671"/>
      <c r="Q14" s="671"/>
      <c r="R14" s="671"/>
      <c r="S14" s="671"/>
      <c r="T14" s="673"/>
    </row>
    <row r="15" spans="1:20" s="261" customFormat="1" ht="24.75" customHeight="1" x14ac:dyDescent="0.4">
      <c r="A15" s="668"/>
      <c r="B15" s="669"/>
      <c r="C15" s="670"/>
      <c r="D15" s="671"/>
      <c r="E15" s="671"/>
      <c r="F15" s="671"/>
      <c r="G15" s="671"/>
      <c r="H15" s="672"/>
      <c r="I15" s="670"/>
      <c r="J15" s="671"/>
      <c r="K15" s="671"/>
      <c r="L15" s="671"/>
      <c r="M15" s="671"/>
      <c r="N15" s="671"/>
      <c r="O15" s="671"/>
      <c r="P15" s="671"/>
      <c r="Q15" s="671"/>
      <c r="R15" s="671"/>
      <c r="S15" s="671"/>
      <c r="T15" s="673"/>
    </row>
    <row r="16" spans="1:20" s="261" customFormat="1" ht="24.75" customHeight="1" x14ac:dyDescent="0.4">
      <c r="A16" s="668"/>
      <c r="B16" s="669"/>
      <c r="C16" s="670"/>
      <c r="D16" s="671"/>
      <c r="E16" s="671"/>
      <c r="F16" s="671"/>
      <c r="G16" s="671"/>
      <c r="H16" s="672"/>
      <c r="I16" s="670"/>
      <c r="J16" s="671"/>
      <c r="K16" s="671"/>
      <c r="L16" s="671"/>
      <c r="M16" s="671"/>
      <c r="N16" s="671"/>
      <c r="O16" s="671"/>
      <c r="P16" s="671"/>
      <c r="Q16" s="671"/>
      <c r="R16" s="671"/>
      <c r="S16" s="671"/>
      <c r="T16" s="673"/>
    </row>
    <row r="17" spans="1:20" s="261" customFormat="1" ht="24.75" customHeight="1" x14ac:dyDescent="0.4">
      <c r="A17" s="668"/>
      <c r="B17" s="669"/>
      <c r="C17" s="670"/>
      <c r="D17" s="671"/>
      <c r="E17" s="671"/>
      <c r="F17" s="671"/>
      <c r="G17" s="671"/>
      <c r="H17" s="672"/>
      <c r="I17" s="670"/>
      <c r="J17" s="671"/>
      <c r="K17" s="671"/>
      <c r="L17" s="671"/>
      <c r="M17" s="671"/>
      <c r="N17" s="671"/>
      <c r="O17" s="671"/>
      <c r="P17" s="671"/>
      <c r="Q17" s="671"/>
      <c r="R17" s="671"/>
      <c r="S17" s="671"/>
      <c r="T17" s="673"/>
    </row>
    <row r="18" spans="1:20" s="261" customFormat="1" ht="24.75" customHeight="1" thickBot="1" x14ac:dyDescent="0.45">
      <c r="A18" s="676"/>
      <c r="B18" s="677"/>
      <c r="C18" s="678"/>
      <c r="D18" s="679"/>
      <c r="E18" s="679"/>
      <c r="F18" s="679"/>
      <c r="G18" s="679"/>
      <c r="H18" s="680"/>
      <c r="I18" s="678"/>
      <c r="J18" s="679"/>
      <c r="K18" s="679"/>
      <c r="L18" s="679"/>
      <c r="M18" s="679"/>
      <c r="N18" s="679"/>
      <c r="O18" s="679"/>
      <c r="P18" s="679"/>
      <c r="Q18" s="679"/>
      <c r="R18" s="679"/>
      <c r="S18" s="679"/>
      <c r="T18" s="681"/>
    </row>
    <row r="19" spans="1:20" ht="16.5" customHeight="1" x14ac:dyDescent="0.4">
      <c r="A19" s="261"/>
      <c r="B19" s="261"/>
      <c r="C19" s="261"/>
      <c r="D19" s="261"/>
      <c r="E19" s="261"/>
      <c r="F19" s="261"/>
      <c r="G19" s="261"/>
      <c r="H19" s="261"/>
      <c r="I19" s="261"/>
      <c r="J19" s="261"/>
      <c r="K19" s="261"/>
      <c r="L19" s="261"/>
      <c r="M19" s="261"/>
      <c r="N19" s="261"/>
      <c r="O19" s="261"/>
      <c r="P19" s="261"/>
      <c r="Q19" s="261"/>
      <c r="R19" s="261"/>
      <c r="S19" s="261"/>
      <c r="T19" s="261"/>
    </row>
    <row r="20" spans="1:20" ht="12.75" customHeight="1" x14ac:dyDescent="0.4">
      <c r="A20" s="674" t="s">
        <v>263</v>
      </c>
      <c r="B20" s="674"/>
      <c r="C20" s="675" t="s">
        <v>264</v>
      </c>
      <c r="D20" s="675"/>
      <c r="E20" s="675"/>
      <c r="F20" s="675"/>
      <c r="G20" s="675"/>
      <c r="H20" s="675"/>
      <c r="I20" s="675"/>
      <c r="J20" s="675"/>
      <c r="K20" s="675"/>
      <c r="L20" s="675"/>
      <c r="M20" s="675"/>
      <c r="N20" s="675"/>
      <c r="O20" s="675"/>
      <c r="P20" s="675"/>
      <c r="Q20" s="675"/>
      <c r="R20" s="675"/>
      <c r="S20" s="675"/>
      <c r="T20" s="675"/>
    </row>
    <row r="21" spans="1:20" x14ac:dyDescent="0.4">
      <c r="C21" s="675"/>
      <c r="D21" s="675"/>
      <c r="E21" s="675"/>
      <c r="F21" s="675"/>
      <c r="G21" s="675"/>
      <c r="H21" s="675"/>
      <c r="I21" s="675"/>
      <c r="J21" s="675"/>
      <c r="K21" s="675"/>
      <c r="L21" s="675"/>
      <c r="M21" s="675"/>
      <c r="N21" s="675"/>
      <c r="O21" s="675"/>
      <c r="P21" s="675"/>
      <c r="Q21" s="675"/>
      <c r="R21" s="675"/>
      <c r="S21" s="675"/>
      <c r="T21" s="675"/>
    </row>
    <row r="22" spans="1:20" x14ac:dyDescent="0.4">
      <c r="C22" s="675"/>
      <c r="D22" s="675"/>
      <c r="E22" s="675"/>
      <c r="F22" s="675"/>
      <c r="G22" s="675"/>
      <c r="H22" s="675"/>
      <c r="I22" s="675"/>
      <c r="J22" s="675"/>
      <c r="K22" s="675"/>
      <c r="L22" s="675"/>
      <c r="M22" s="675"/>
      <c r="N22" s="675"/>
      <c r="O22" s="675"/>
      <c r="P22" s="675"/>
      <c r="Q22" s="675"/>
      <c r="R22" s="675"/>
      <c r="S22" s="675"/>
      <c r="T22" s="675"/>
    </row>
    <row r="23" spans="1:20" ht="47.25" customHeight="1" x14ac:dyDescent="0.4">
      <c r="C23" s="675"/>
      <c r="D23" s="675"/>
      <c r="E23" s="675"/>
      <c r="F23" s="675"/>
      <c r="G23" s="675"/>
      <c r="H23" s="675"/>
      <c r="I23" s="675"/>
      <c r="J23" s="675"/>
      <c r="K23" s="675"/>
      <c r="L23" s="675"/>
      <c r="M23" s="675"/>
      <c r="N23" s="675"/>
      <c r="O23" s="675"/>
      <c r="P23" s="675"/>
      <c r="Q23" s="675"/>
      <c r="R23" s="675"/>
      <c r="S23" s="675"/>
      <c r="T23" s="675"/>
    </row>
  </sheetData>
  <mergeCells count="45">
    <mergeCell ref="A20:B20"/>
    <mergeCell ref="C20:T23"/>
    <mergeCell ref="A17:B17"/>
    <mergeCell ref="C17:H17"/>
    <mergeCell ref="I17:T17"/>
    <mergeCell ref="A18:B18"/>
    <mergeCell ref="C18:H18"/>
    <mergeCell ref="I18:T18"/>
    <mergeCell ref="A15:B15"/>
    <mergeCell ref="C15:H15"/>
    <mergeCell ref="I15:T15"/>
    <mergeCell ref="A16:B16"/>
    <mergeCell ref="C16:H16"/>
    <mergeCell ref="I16:T16"/>
    <mergeCell ref="A13:B13"/>
    <mergeCell ref="C13:H13"/>
    <mergeCell ref="I13:T13"/>
    <mergeCell ref="A14:B14"/>
    <mergeCell ref="C14:H14"/>
    <mergeCell ref="I14:T14"/>
    <mergeCell ref="A11:B11"/>
    <mergeCell ref="C11:H11"/>
    <mergeCell ref="I11:T11"/>
    <mergeCell ref="A12:B12"/>
    <mergeCell ref="C12:H12"/>
    <mergeCell ref="I12:T12"/>
    <mergeCell ref="A9:B9"/>
    <mergeCell ref="C9:H9"/>
    <mergeCell ref="I9:T9"/>
    <mergeCell ref="A10:B10"/>
    <mergeCell ref="C10:H10"/>
    <mergeCell ref="I10:T10"/>
    <mergeCell ref="A7:B7"/>
    <mergeCell ref="C7:H7"/>
    <mergeCell ref="I7:T7"/>
    <mergeCell ref="A8:B8"/>
    <mergeCell ref="C8:H8"/>
    <mergeCell ref="I8:T8"/>
    <mergeCell ref="A1:T1"/>
    <mergeCell ref="A2:T2"/>
    <mergeCell ref="K3:S3"/>
    <mergeCell ref="K4:S4"/>
    <mergeCell ref="A6:B6"/>
    <mergeCell ref="C6:H6"/>
    <mergeCell ref="I6:T6"/>
  </mergeCells>
  <phoneticPr fontId="3"/>
  <printOptions horizontalCentered="1"/>
  <pageMargins left="0.70866141732283472" right="0.70866141732283472" top="0.74803149606299213" bottom="0.74803149606299213" header="0.31496062992125984" footer="0.3149606299212598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13</vt:i4>
      </vt:variant>
    </vt:vector>
  </HeadingPairs>
  <TitlesOfParts>
    <vt:vector size="24" baseType="lpstr">
      <vt:lpstr>訪問型サービス</vt:lpstr>
      <vt:lpstr>記入方法</vt:lpstr>
      <vt:lpstr>シフト記号表（勤務時間帯）</vt:lpstr>
      <vt:lpstr>通所型サービス</vt:lpstr>
      <vt:lpstr>記入方法 (2)</vt:lpstr>
      <vt:lpstr>シフト記号表（勤務時間帯） (2)</vt:lpstr>
      <vt:lpstr>【記載例】シフト記号表（勤務時間帯）</vt:lpstr>
      <vt:lpstr>標準様式2</vt:lpstr>
      <vt:lpstr>標準様式3</vt:lpstr>
      <vt:lpstr>標準様式４</vt:lpstr>
      <vt:lpstr>標準様式5</vt:lpstr>
      <vt:lpstr>'シフト記号表（勤務時間帯）'!【記載例】シフト記号</vt:lpstr>
      <vt:lpstr>'シフト記号表（勤務時間帯） (2)'!【記載例】シフト記号</vt:lpstr>
      <vt:lpstr>【記載例】シフト記号</vt:lpstr>
      <vt:lpstr>記入方法!Print_Area</vt:lpstr>
      <vt:lpstr>'記入方法 (2)'!Print_Area</vt:lpstr>
      <vt:lpstr>通所型サービス!Print_Area</vt:lpstr>
      <vt:lpstr>標準様式４!Print_Area</vt:lpstr>
      <vt:lpstr>標準様式5!Print_Area</vt:lpstr>
      <vt:lpstr>訪問型サービス!Print_Area</vt:lpstr>
      <vt:lpstr>通所型サービス!Print_Titles</vt:lpstr>
      <vt:lpstr>訪問型サービス!Print_Titles</vt:lpstr>
      <vt:lpstr>'シフト記号表（勤務時間帯） (2)'!シフト記号表</vt:lpstr>
      <vt:lpstr>シフト記号表</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與那嶺　佑斗</dc:creator>
  <cp:lastModifiedBy>與那嶺　佑斗</cp:lastModifiedBy>
  <dcterms:created xsi:type="dcterms:W3CDTF">2024-04-02T08:59:11Z</dcterms:created>
  <dcterms:modified xsi:type="dcterms:W3CDTF">2024-04-16T05:30:26Z</dcterms:modified>
</cp:coreProperties>
</file>